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slideLayouts/slideLayout3.xml" ContentType="application/vnd.openxmlformats-officedocument.presentationml.slideLayout+xml"/>
  <Override PartName="/ppt/theme/theme3.xml" ContentType="application/vnd.openxmlformats-officedocument.theme+xml"/>
  <Override PartName="/ppt/slideLayouts/slideLayout4.xml" ContentType="application/vnd.openxmlformats-officedocument.presentationml.slideLayout+xml"/>
  <Override PartName="/ppt/theme/theme4.xml" ContentType="application/vnd.openxmlformats-officedocument.theme+xml"/>
  <Override PartName="/ppt/slideLayouts/slideLayout5.xml" ContentType="application/vnd.openxmlformats-officedocument.presentationml.slideLayout+xml"/>
  <Override PartName="/ppt/theme/theme5.xml" ContentType="application/vnd.openxmlformats-officedocument.theme+xml"/>
  <Override PartName="/ppt/slideLayouts/slideLayout6.xml" ContentType="application/vnd.openxmlformats-officedocument.presentationml.slideLayout+xml"/>
  <Override PartName="/ppt/theme/theme6.xml" ContentType="application/vnd.openxmlformats-officedocument.theme+xml"/>
  <Override PartName="/ppt/slideLayouts/slideLayout7.xml" ContentType="application/vnd.openxmlformats-officedocument.presentationml.slideLayout+xml"/>
  <Override PartName="/ppt/theme/theme7.xml" ContentType="application/vnd.openxmlformats-officedocument.theme+xml"/>
  <Override PartName="/ppt/slideLayouts/slideLayout8.xml" ContentType="application/vnd.openxmlformats-officedocument.presentationml.slideLayout+xml"/>
  <Override PartName="/ppt/theme/theme8.xml" ContentType="application/vnd.openxmlformats-officedocument.theme+xml"/>
  <Override PartName="/ppt/theme/theme9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62" r:id="rId2"/>
    <p:sldMasterId id="2147483664" r:id="rId3"/>
    <p:sldMasterId id="2147483666" r:id="rId4"/>
    <p:sldMasterId id="2147483668" r:id="rId5"/>
    <p:sldMasterId id="2147483670" r:id="rId6"/>
    <p:sldMasterId id="2147483672" r:id="rId7"/>
    <p:sldMasterId id="2147483674" r:id="rId8"/>
  </p:sldMasterIdLst>
  <p:notesMasterIdLst>
    <p:notesMasterId r:id="rId19"/>
  </p:notesMasterIdLst>
  <p:sldIdLst>
    <p:sldId id="310" r:id="rId9"/>
    <p:sldId id="351" r:id="rId10"/>
    <p:sldId id="353" r:id="rId11"/>
    <p:sldId id="355" r:id="rId12"/>
    <p:sldId id="350" r:id="rId13"/>
    <p:sldId id="311" r:id="rId14"/>
    <p:sldId id="352" r:id="rId15"/>
    <p:sldId id="354" r:id="rId16"/>
    <p:sldId id="356" r:id="rId17"/>
    <p:sldId id="357" r:id="rId1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EE4A40F-35DE-4987-B94F-1788B727B568}" v="2" dt="2024-11-15T20:42:37.28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54" y="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8.xml"/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3" Type="http://schemas.openxmlformats.org/officeDocument/2006/relationships/slideMaster" Target="slideMasters/slideMaster3.xml"/><Relationship Id="rId21" Type="http://schemas.openxmlformats.org/officeDocument/2006/relationships/viewProps" Target="viewProps.xml"/><Relationship Id="rId7" Type="http://schemas.openxmlformats.org/officeDocument/2006/relationships/slideMaster" Target="slideMasters/slideMaster7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microsoft.com/office/2015/10/relationships/revisionInfo" Target="revisionInfo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8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3.xml"/><Relationship Id="rId24" Type="http://schemas.microsoft.com/office/2016/11/relationships/changesInfo" Target="changesInfos/changesInfo1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7.xml"/><Relationship Id="rId23" Type="http://schemas.openxmlformats.org/officeDocument/2006/relationships/tableStyles" Target="tableStyles.xml"/><Relationship Id="rId10" Type="http://schemas.openxmlformats.org/officeDocument/2006/relationships/slide" Target="slides/slide2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angel, Rodrigo" userId="0addcd71-fe5b-4980-a63b-bd924cefbd57" providerId="ADAL" clId="{2EE4A40F-35DE-4987-B94F-1788B727B568}"/>
    <pc:docChg chg="modSld sldOrd">
      <pc:chgData name="Rangel, Rodrigo" userId="0addcd71-fe5b-4980-a63b-bd924cefbd57" providerId="ADAL" clId="{2EE4A40F-35DE-4987-B94F-1788B727B568}" dt="2024-11-15T20:42:40.460" v="7"/>
      <pc:docMkLst>
        <pc:docMk/>
      </pc:docMkLst>
      <pc:sldChg chg="ord">
        <pc:chgData name="Rangel, Rodrigo" userId="0addcd71-fe5b-4980-a63b-bd924cefbd57" providerId="ADAL" clId="{2EE4A40F-35DE-4987-B94F-1788B727B568}" dt="2024-11-15T20:38:26.824" v="3"/>
        <pc:sldMkLst>
          <pc:docMk/>
          <pc:sldMk cId="464894776" sldId="311"/>
        </pc:sldMkLst>
      </pc:sldChg>
      <pc:sldChg chg="ord">
        <pc:chgData name="Rangel, Rodrigo" userId="0addcd71-fe5b-4980-a63b-bd924cefbd57" providerId="ADAL" clId="{2EE4A40F-35DE-4987-B94F-1788B727B568}" dt="2024-11-15T20:38:25.458" v="1"/>
        <pc:sldMkLst>
          <pc:docMk/>
          <pc:sldMk cId="3663818854" sldId="352"/>
        </pc:sldMkLst>
      </pc:sldChg>
      <pc:sldChg chg="ord">
        <pc:chgData name="Rangel, Rodrigo" userId="0addcd71-fe5b-4980-a63b-bd924cefbd57" providerId="ADAL" clId="{2EE4A40F-35DE-4987-B94F-1788B727B568}" dt="2024-11-15T20:42:23.247" v="5"/>
        <pc:sldMkLst>
          <pc:docMk/>
          <pc:sldMk cId="768468489" sldId="356"/>
        </pc:sldMkLst>
      </pc:sldChg>
      <pc:sldChg chg="ord">
        <pc:chgData name="Rangel, Rodrigo" userId="0addcd71-fe5b-4980-a63b-bd924cefbd57" providerId="ADAL" clId="{2EE4A40F-35DE-4987-B94F-1788B727B568}" dt="2024-11-15T20:42:40.460" v="7"/>
        <pc:sldMkLst>
          <pc:docMk/>
          <pc:sldMk cId="440707686" sldId="357"/>
        </pc:sldMkLst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9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B3B42C6-8CA5-4A38-8CB6-E6E8E0DD0F56}" type="datetimeFigureOut">
              <a:rPr lang="en-US" smtClean="0"/>
              <a:t>11/15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DA4D2BD-CBCE-453C-9C28-118D4B1494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3459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Free Templates &amp; Infographics for PowerPoint and Google Slid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6106031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Free Templates &amp; Infographics for PowerPoint and Google Slid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6736419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The free PowerPoint and Google Slides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796922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© Copyright </a:t>
            </a:r>
            <a:r>
              <a:rPr lang="en-US" b="1"/>
              <a:t>PresentationGO.com</a:t>
            </a:r>
            <a:r>
              <a:rPr lang="en-US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1172292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The free PowerPoint and Google Slides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0700132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Free Templates &amp; Infographics for PowerPoint and Google Slid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7305083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Free Templates &amp; Infographics for PowerPoint and Google Slid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9008762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The free PowerPoint and Google Slides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365056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© Copyright </a:t>
            </a:r>
            <a:r>
              <a:rPr lang="en-US" b="1"/>
              <a:t>PresentationGO.com</a:t>
            </a:r>
            <a:r>
              <a:rPr lang="en-US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6727237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© Copyright </a:t>
            </a:r>
            <a:r>
              <a:rPr lang="en-US" b="1" dirty="0"/>
              <a:t>PresentationGO.com</a:t>
            </a:r>
            <a:r>
              <a:rPr lang="en-US" dirty="0"/>
              <a:t> – The free PowerPoint and Google Slides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68D2766-C49B-4C1A-9FEE-6F146754B0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5616815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6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13538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93134001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solidFill>
          <a:srgbClr val="00203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13538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1836032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05156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62970272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05156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8602055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05156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5930DF0-104B-4293-A7F6-66AEFF3E6AF8}"/>
              </a:ext>
            </a:extLst>
          </p:cNvPr>
          <p:cNvGrpSpPr/>
          <p:nvPr userDrawn="1"/>
        </p:nvGrpSpPr>
        <p:grpSpPr>
          <a:xfrm>
            <a:off x="12554553" y="1"/>
            <a:ext cx="1647523" cy="1816099"/>
            <a:chOff x="12554553" y="1"/>
            <a:chExt cx="1647523" cy="1816099"/>
          </a:xfrm>
        </p:grpSpPr>
        <p:sp>
          <p:nvSpPr>
            <p:cNvPr id="4" name="Rectangle: Folded Corner 3">
              <a:extLst>
                <a:ext uri="{FF2B5EF4-FFF2-40B4-BE49-F238E27FC236}">
                  <a16:creationId xmlns:a16="http://schemas.microsoft.com/office/drawing/2014/main" id="{9FDF5E90-AE29-4303-979F-161F791D98BB}"/>
                </a:ext>
              </a:extLst>
            </p:cNvPr>
            <p:cNvSpPr/>
            <p:nvPr userDrawn="1"/>
          </p:nvSpPr>
          <p:spPr>
            <a:xfrm>
              <a:off x="12554553" y="1"/>
              <a:ext cx="1644047" cy="1816099"/>
            </a:xfrm>
            <a:prstGeom prst="foldedCorner">
              <a:avLst/>
            </a:prstGeom>
            <a:ln>
              <a:noFill/>
            </a:ln>
            <a:effectLst>
              <a:outerShdw blurRad="101600" dist="635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Ins="0" rtlCol="0" anchor="t"/>
            <a:lstStyle/>
            <a:p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To insert your own icons*: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nsert</a:t>
              </a:r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 &gt;&gt; </a:t>
              </a:r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cons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200" i="1">
                  <a:solidFill>
                    <a:schemeClr val="accent2">
                      <a:lumMod val="50000"/>
                    </a:schemeClr>
                  </a:solidFill>
                </a:rPr>
                <a:t>(*Only available to Office 365 subscribers)</a:t>
              </a:r>
            </a:p>
          </p:txBody>
        </p:sp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9C25032D-D31A-446E-BBAA-A896C50E8CF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02026" y="424090"/>
              <a:ext cx="400050" cy="6572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6087279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05156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9C65CE8-4186-4EF3-A508-A12E5E686468}"/>
              </a:ext>
            </a:extLst>
          </p:cNvPr>
          <p:cNvGrpSpPr/>
          <p:nvPr userDrawn="1"/>
        </p:nvGrpSpPr>
        <p:grpSpPr>
          <a:xfrm>
            <a:off x="12554553" y="1"/>
            <a:ext cx="1647523" cy="1816099"/>
            <a:chOff x="12554553" y="1"/>
            <a:chExt cx="1647523" cy="1816099"/>
          </a:xfrm>
        </p:grpSpPr>
        <p:sp>
          <p:nvSpPr>
            <p:cNvPr id="4" name="Rectangle: Folded Corner 3">
              <a:extLst>
                <a:ext uri="{FF2B5EF4-FFF2-40B4-BE49-F238E27FC236}">
                  <a16:creationId xmlns:a16="http://schemas.microsoft.com/office/drawing/2014/main" id="{0A32BB05-B08C-4D73-BFF9-25A2D9328D4D}"/>
                </a:ext>
              </a:extLst>
            </p:cNvPr>
            <p:cNvSpPr/>
            <p:nvPr userDrawn="1"/>
          </p:nvSpPr>
          <p:spPr>
            <a:xfrm>
              <a:off x="12554553" y="1"/>
              <a:ext cx="1644047" cy="1816099"/>
            </a:xfrm>
            <a:prstGeom prst="foldedCorner">
              <a:avLst/>
            </a:prstGeom>
            <a:ln>
              <a:noFill/>
            </a:ln>
            <a:effectLst>
              <a:outerShdw blurRad="101600" dist="635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Ins="0" rtlCol="0" anchor="t"/>
            <a:lstStyle/>
            <a:p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To insert your own icons*: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nsert</a:t>
              </a:r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 &gt;&gt; </a:t>
              </a:r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cons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200" i="1">
                  <a:solidFill>
                    <a:schemeClr val="accent2">
                      <a:lumMod val="50000"/>
                    </a:schemeClr>
                  </a:solidFill>
                </a:rPr>
                <a:t>(*Only available to Office 365 subscribers)</a:t>
              </a:r>
            </a:p>
          </p:txBody>
        </p:sp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BC568985-A849-45B0-B77A-2F6998D822D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02026" y="424090"/>
              <a:ext cx="400050" cy="6572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3062437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13538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0409644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13538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8226702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2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.png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theme" Target="../theme/theme4.xml"/><Relationship Id="rId1" Type="http://schemas.openxmlformats.org/officeDocument/2006/relationships/slideLayout" Target="../slideLayouts/slideLayout4.xml"/><Relationship Id="rId4" Type="http://schemas.openxmlformats.org/officeDocument/2006/relationships/hyperlink" Target="http://www.presentationgo.com/" TargetMode="Externa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5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.png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theme" Target="../theme/theme6.xml"/><Relationship Id="rId1" Type="http://schemas.openxmlformats.org/officeDocument/2006/relationships/slideLayout" Target="../slideLayouts/slideLayout6.xml"/><Relationship Id="rId4" Type="http://schemas.openxmlformats.org/officeDocument/2006/relationships/hyperlink" Target="http://www.presentationgo.com/" TargetMode="Externa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7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.png"/></Relationships>
</file>

<file path=ppt/slideMasters/_rels/slideMaster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theme" Target="../theme/theme8.xml"/><Relationship Id="rId1" Type="http://schemas.openxmlformats.org/officeDocument/2006/relationships/slideLayout" Target="../slideLayouts/slideLayout8.xml"/><Relationship Id="rId4" Type="http://schemas.openxmlformats.org/officeDocument/2006/relationships/hyperlink" Target="http://www.presentationgo.com/" TargetMode="Externa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1200" cap="none" spc="150" normalizeH="0" baseline="0" noProof="0" dirty="0">
              <a:ln>
                <a:noFill/>
              </a:ln>
              <a:solidFill>
                <a:prstClr val="white">
                  <a:lumMod val="75000"/>
                </a:prst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Rectangle 6"/>
          <p:cNvSpPr/>
          <p:nvPr userDrawn="1"/>
        </p:nvSpPr>
        <p:spPr>
          <a:xfrm>
            <a:off x="-12701" y="6959601"/>
            <a:ext cx="1603901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200" b="0" i="0" dirty="0">
                <a:solidFill>
                  <a:srgbClr val="008C58"/>
                </a:solidFill>
                <a:effectLst/>
                <a:latin typeface="+mn-lt"/>
              </a:rPr>
              <a:t>© </a:t>
            </a:r>
            <a:r>
              <a:rPr lang="en-US" sz="1200" b="0" i="0" u="none" strike="noStrike" dirty="0">
                <a:solidFill>
                  <a:srgbClr val="008C58"/>
                </a:solidFill>
                <a:effectLst/>
                <a:latin typeface="+mn-lt"/>
                <a:hlinkClick r:id="rId3" tooltip="PresentationGo!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presentationgo.com</a:t>
            </a:r>
            <a:endParaRPr lang="en-US" sz="1200" dirty="0">
              <a:solidFill>
                <a:srgbClr val="008C58"/>
              </a:solidFill>
              <a:latin typeface="+mn-lt"/>
            </a:endParaRPr>
          </a:p>
        </p:txBody>
      </p:sp>
      <p:sp>
        <p:nvSpPr>
          <p:cNvPr id="20" name="Shape">
            <a:extLst>
              <a:ext uri="{FF2B5EF4-FFF2-40B4-BE49-F238E27FC236}">
                <a16:creationId xmlns:a16="http://schemas.microsoft.com/office/drawing/2014/main" id="{DDC8EC43-F02F-F14D-1C4D-3DD926402B7D}"/>
              </a:ext>
            </a:extLst>
          </p:cNvPr>
          <p:cNvSpPr/>
          <p:nvPr userDrawn="1"/>
        </p:nvSpPr>
        <p:spPr>
          <a:xfrm>
            <a:off x="0" y="188441"/>
            <a:ext cx="680700" cy="468993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14136" y="0"/>
                </a:moveTo>
                <a:cubicBezTo>
                  <a:pt x="10637" y="0"/>
                  <a:pt x="7604" y="3521"/>
                  <a:pt x="6858" y="8464"/>
                </a:cubicBezTo>
                <a:cubicBezTo>
                  <a:pt x="5038" y="8261"/>
                  <a:pt x="1166" y="7787"/>
                  <a:pt x="0" y="7719"/>
                </a:cubicBezTo>
                <a:lnTo>
                  <a:pt x="0" y="14084"/>
                </a:lnTo>
                <a:cubicBezTo>
                  <a:pt x="840" y="14016"/>
                  <a:pt x="2892" y="13745"/>
                  <a:pt x="4059" y="13610"/>
                </a:cubicBezTo>
                <a:lnTo>
                  <a:pt x="5832" y="13407"/>
                </a:lnTo>
                <a:cubicBezTo>
                  <a:pt x="6251" y="13339"/>
                  <a:pt x="6625" y="13339"/>
                  <a:pt x="6905" y="13271"/>
                </a:cubicBezTo>
                <a:cubicBezTo>
                  <a:pt x="7698" y="18147"/>
                  <a:pt x="10683" y="21600"/>
                  <a:pt x="14136" y="21600"/>
                </a:cubicBezTo>
                <a:cubicBezTo>
                  <a:pt x="18241" y="21600"/>
                  <a:pt x="21600" y="16725"/>
                  <a:pt x="21600" y="10766"/>
                </a:cubicBezTo>
                <a:cubicBezTo>
                  <a:pt x="21553" y="4875"/>
                  <a:pt x="18241" y="0"/>
                  <a:pt x="14136" y="0"/>
                </a:cubicBezTo>
                <a:close/>
                <a:moveTo>
                  <a:pt x="14136" y="17266"/>
                </a:moveTo>
                <a:cubicBezTo>
                  <a:pt x="11710" y="17266"/>
                  <a:pt x="9704" y="14355"/>
                  <a:pt x="9704" y="10834"/>
                </a:cubicBezTo>
                <a:cubicBezTo>
                  <a:pt x="9704" y="7313"/>
                  <a:pt x="11710" y="4401"/>
                  <a:pt x="14136" y="4401"/>
                </a:cubicBezTo>
                <a:cubicBezTo>
                  <a:pt x="16562" y="4401"/>
                  <a:pt x="18568" y="7313"/>
                  <a:pt x="18568" y="10834"/>
                </a:cubicBezTo>
                <a:cubicBezTo>
                  <a:pt x="18568" y="14355"/>
                  <a:pt x="16562" y="17266"/>
                  <a:pt x="14136" y="17266"/>
                </a:cubicBezTo>
                <a:close/>
                <a:moveTo>
                  <a:pt x="0" y="68"/>
                </a:moveTo>
                <a:cubicBezTo>
                  <a:pt x="187" y="68"/>
                  <a:pt x="373" y="68"/>
                  <a:pt x="560" y="68"/>
                </a:cubicBezTo>
                <a:cubicBezTo>
                  <a:pt x="1306" y="68"/>
                  <a:pt x="2053" y="203"/>
                  <a:pt x="2752" y="406"/>
                </a:cubicBezTo>
                <a:cubicBezTo>
                  <a:pt x="3452" y="609"/>
                  <a:pt x="4012" y="948"/>
                  <a:pt x="4525" y="1286"/>
                </a:cubicBezTo>
                <a:lnTo>
                  <a:pt x="4245" y="4875"/>
                </a:lnTo>
                <a:cubicBezTo>
                  <a:pt x="3732" y="4537"/>
                  <a:pt x="3172" y="4266"/>
                  <a:pt x="2566" y="3995"/>
                </a:cubicBezTo>
                <a:cubicBezTo>
                  <a:pt x="1959" y="3792"/>
                  <a:pt x="1306" y="3656"/>
                  <a:pt x="606" y="3656"/>
                </a:cubicBezTo>
                <a:cubicBezTo>
                  <a:pt x="420" y="3656"/>
                  <a:pt x="233" y="3656"/>
                  <a:pt x="47" y="3724"/>
                </a:cubicBezTo>
                <a:lnTo>
                  <a:pt x="47" y="68"/>
                </a:lnTo>
                <a:close/>
                <a:moveTo>
                  <a:pt x="4059" y="15641"/>
                </a:moveTo>
                <a:lnTo>
                  <a:pt x="4992" y="15506"/>
                </a:lnTo>
                <a:lnTo>
                  <a:pt x="4992" y="19975"/>
                </a:lnTo>
                <a:cubicBezTo>
                  <a:pt x="4479" y="20381"/>
                  <a:pt x="3825" y="20787"/>
                  <a:pt x="3032" y="21058"/>
                </a:cubicBezTo>
                <a:cubicBezTo>
                  <a:pt x="2193" y="21397"/>
                  <a:pt x="1306" y="21532"/>
                  <a:pt x="327" y="21532"/>
                </a:cubicBezTo>
                <a:cubicBezTo>
                  <a:pt x="233" y="21532"/>
                  <a:pt x="140" y="21532"/>
                  <a:pt x="0" y="21532"/>
                </a:cubicBezTo>
                <a:lnTo>
                  <a:pt x="0" y="17876"/>
                </a:lnTo>
                <a:cubicBezTo>
                  <a:pt x="140" y="17876"/>
                  <a:pt x="280" y="17876"/>
                  <a:pt x="420" y="17876"/>
                </a:cubicBezTo>
                <a:cubicBezTo>
                  <a:pt x="700" y="17876"/>
                  <a:pt x="1026" y="17876"/>
                  <a:pt x="1353" y="17808"/>
                </a:cubicBezTo>
                <a:cubicBezTo>
                  <a:pt x="1679" y="17740"/>
                  <a:pt x="2006" y="17673"/>
                  <a:pt x="2379" y="17605"/>
                </a:cubicBezTo>
                <a:lnTo>
                  <a:pt x="2379" y="15845"/>
                </a:lnTo>
                <a:cubicBezTo>
                  <a:pt x="2986" y="15777"/>
                  <a:pt x="3592" y="15709"/>
                  <a:pt x="4059" y="15641"/>
                </a:cubicBezTo>
                <a:close/>
              </a:path>
            </a:pathLst>
          </a:custGeom>
          <a:solidFill>
            <a:schemeClr val="bg1"/>
          </a:solidFill>
          <a:ln w="12700">
            <a:miter lim="400000"/>
          </a:ln>
        </p:spPr>
        <p:txBody>
          <a:bodyPr lIns="38100" tIns="38100" rIns="38100" bIns="38100" anchor="ctr"/>
          <a:lstStyle/>
          <a:p>
            <a:pPr>
              <a:defRPr sz="3000">
                <a:solidFill>
                  <a:srgbClr val="FFFFFF"/>
                </a:solidFill>
              </a:defRPr>
            </a:pPr>
            <a:endParaRPr>
              <a:solidFill>
                <a:schemeClr val="bg1"/>
              </a:solidFill>
            </a:endParaRPr>
          </a:p>
        </p:txBody>
      </p:sp>
      <p:grpSp>
        <p:nvGrpSpPr>
          <p:cNvPr id="28" name="Group 27">
            <a:extLst>
              <a:ext uri="{FF2B5EF4-FFF2-40B4-BE49-F238E27FC236}">
                <a16:creationId xmlns:a16="http://schemas.microsoft.com/office/drawing/2014/main" id="{942380E3-5C89-CD99-CE73-F8FB2B0B2EA9}"/>
              </a:ext>
            </a:extLst>
          </p:cNvPr>
          <p:cNvGrpSpPr/>
          <p:nvPr userDrawn="1"/>
        </p:nvGrpSpPr>
        <p:grpSpPr>
          <a:xfrm>
            <a:off x="12313760" y="-58780"/>
            <a:ext cx="1738741" cy="604829"/>
            <a:chOff x="-1808527" y="-16654"/>
            <a:chExt cx="1738741" cy="604829"/>
          </a:xfrm>
        </p:grpSpPr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6C1B17E7-B758-E92C-41FE-C3FCB408B5B7}"/>
                </a:ext>
              </a:extLst>
            </p:cNvPr>
            <p:cNvGrpSpPr/>
            <p:nvPr userDrawn="1"/>
          </p:nvGrpSpPr>
          <p:grpSpPr>
            <a:xfrm>
              <a:off x="-1808527" y="-16654"/>
              <a:ext cx="1738741" cy="604829"/>
              <a:chOff x="-2250002" y="21447"/>
              <a:chExt cx="1738741" cy="604829"/>
            </a:xfrm>
          </p:grpSpPr>
          <p:sp>
            <p:nvSpPr>
              <p:cNvPr id="33" name="TextBox 32">
                <a:extLst>
                  <a:ext uri="{FF2B5EF4-FFF2-40B4-BE49-F238E27FC236}">
                    <a16:creationId xmlns:a16="http://schemas.microsoft.com/office/drawing/2014/main" id="{2592DBB0-24EB-F018-C3D8-D6F02FE0B075}"/>
                  </a:ext>
                </a:extLst>
              </p:cNvPr>
              <p:cNvSpPr txBox="1"/>
              <p:nvPr userDrawn="1"/>
            </p:nvSpPr>
            <p:spPr>
              <a:xfrm>
                <a:off x="-2250002" y="21447"/>
                <a:ext cx="343364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000" dirty="0">
                    <a:latin typeface="+mj-lt"/>
                    <a:ea typeface="Open Sans" panose="020B0606030504020204" pitchFamily="34" charset="0"/>
                    <a:cs typeface="Open Sans" panose="020B0606030504020204" pitchFamily="34" charset="0"/>
                  </a:rPr>
                  <a:t>By:</a:t>
                </a:r>
              </a:p>
            </p:txBody>
          </p:sp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0A718598-70D7-48B6-C739-86B6B29AA51D}"/>
                  </a:ext>
                </a:extLst>
              </p:cNvPr>
              <p:cNvSpPr txBox="1"/>
              <p:nvPr userDrawn="1"/>
            </p:nvSpPr>
            <p:spPr>
              <a:xfrm>
                <a:off x="-950805" y="380055"/>
                <a:ext cx="439544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000" dirty="0">
                    <a:latin typeface="+mj-lt"/>
                    <a:ea typeface="Open Sans" panose="020B0606030504020204" pitchFamily="34" charset="0"/>
                    <a:cs typeface="Open Sans" panose="020B0606030504020204" pitchFamily="34" charset="0"/>
                  </a:rPr>
                  <a:t>.com</a:t>
                </a:r>
              </a:p>
            </p:txBody>
          </p:sp>
        </p:grp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283F2B32-CF9B-039E-6BAD-EACA915072DD}"/>
                </a:ext>
              </a:extLst>
            </p:cNvPr>
            <p:cNvGrpSpPr/>
            <p:nvPr userDrawn="1"/>
          </p:nvGrpSpPr>
          <p:grpSpPr>
            <a:xfrm>
              <a:off x="-1719071" y="218885"/>
              <a:ext cx="1547194" cy="159662"/>
              <a:chOff x="757647" y="1021854"/>
              <a:chExt cx="5325710" cy="549583"/>
            </a:xfrm>
          </p:grpSpPr>
          <p:sp>
            <p:nvSpPr>
              <p:cNvPr id="31" name="Shape">
                <a:extLst>
                  <a:ext uri="{FF2B5EF4-FFF2-40B4-BE49-F238E27FC236}">
                    <a16:creationId xmlns:a16="http://schemas.microsoft.com/office/drawing/2014/main" id="{FDA8849F-7D05-A81E-C41D-1977C2174A48}"/>
                  </a:ext>
                </a:extLst>
              </p:cNvPr>
              <p:cNvSpPr/>
              <p:nvPr userDrawn="1"/>
            </p:nvSpPr>
            <p:spPr>
              <a:xfrm>
                <a:off x="757647" y="1022945"/>
                <a:ext cx="4193833" cy="54849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0" y="2662"/>
                    </a:moveTo>
                    <a:lnTo>
                      <a:pt x="882" y="2662"/>
                    </a:lnTo>
                    <a:cubicBezTo>
                      <a:pt x="1028" y="2662"/>
                      <a:pt x="1163" y="2791"/>
                      <a:pt x="1280" y="3049"/>
                    </a:cubicBezTo>
                    <a:cubicBezTo>
                      <a:pt x="1398" y="3307"/>
                      <a:pt x="1500" y="3693"/>
                      <a:pt x="1584" y="4165"/>
                    </a:cubicBezTo>
                    <a:cubicBezTo>
                      <a:pt x="1668" y="4638"/>
                      <a:pt x="1730" y="5239"/>
                      <a:pt x="1775" y="5969"/>
                    </a:cubicBezTo>
                    <a:cubicBezTo>
                      <a:pt x="1820" y="6656"/>
                      <a:pt x="1842" y="7472"/>
                      <a:pt x="1842" y="8374"/>
                    </a:cubicBezTo>
                    <a:cubicBezTo>
                      <a:pt x="1842" y="9447"/>
                      <a:pt x="1814" y="10392"/>
                      <a:pt x="1763" y="11165"/>
                    </a:cubicBezTo>
                    <a:cubicBezTo>
                      <a:pt x="1707" y="11938"/>
                      <a:pt x="1634" y="12625"/>
                      <a:pt x="1544" y="13140"/>
                    </a:cubicBezTo>
                    <a:cubicBezTo>
                      <a:pt x="1455" y="13656"/>
                      <a:pt x="1348" y="14042"/>
                      <a:pt x="1224" y="14300"/>
                    </a:cubicBezTo>
                    <a:cubicBezTo>
                      <a:pt x="1101" y="14557"/>
                      <a:pt x="972" y="14686"/>
                      <a:pt x="837" y="14686"/>
                    </a:cubicBezTo>
                    <a:lnTo>
                      <a:pt x="590" y="14686"/>
                    </a:lnTo>
                    <a:lnTo>
                      <a:pt x="590" y="21299"/>
                    </a:lnTo>
                    <a:lnTo>
                      <a:pt x="0" y="21299"/>
                    </a:lnTo>
                    <a:lnTo>
                      <a:pt x="0" y="2662"/>
                    </a:lnTo>
                    <a:close/>
                    <a:moveTo>
                      <a:pt x="584" y="11251"/>
                    </a:moveTo>
                    <a:lnTo>
                      <a:pt x="798" y="11251"/>
                    </a:lnTo>
                    <a:cubicBezTo>
                      <a:pt x="854" y="11251"/>
                      <a:pt x="910" y="11208"/>
                      <a:pt x="966" y="11122"/>
                    </a:cubicBezTo>
                    <a:cubicBezTo>
                      <a:pt x="1022" y="11036"/>
                      <a:pt x="1067" y="10864"/>
                      <a:pt x="1106" y="10650"/>
                    </a:cubicBezTo>
                    <a:cubicBezTo>
                      <a:pt x="1146" y="10435"/>
                      <a:pt x="1179" y="10177"/>
                      <a:pt x="1202" y="9834"/>
                    </a:cubicBezTo>
                    <a:cubicBezTo>
                      <a:pt x="1224" y="9490"/>
                      <a:pt x="1241" y="9104"/>
                      <a:pt x="1241" y="8588"/>
                    </a:cubicBezTo>
                    <a:cubicBezTo>
                      <a:pt x="1241" y="7730"/>
                      <a:pt x="1202" y="7085"/>
                      <a:pt x="1129" y="6656"/>
                    </a:cubicBezTo>
                    <a:cubicBezTo>
                      <a:pt x="1050" y="6227"/>
                      <a:pt x="955" y="6012"/>
                      <a:pt x="826" y="6012"/>
                    </a:cubicBezTo>
                    <a:lnTo>
                      <a:pt x="590" y="6012"/>
                    </a:lnTo>
                    <a:lnTo>
                      <a:pt x="590" y="11251"/>
                    </a:lnTo>
                    <a:close/>
                    <a:moveTo>
                      <a:pt x="2179" y="21256"/>
                    </a:moveTo>
                    <a:lnTo>
                      <a:pt x="2179" y="7085"/>
                    </a:lnTo>
                    <a:lnTo>
                      <a:pt x="2628" y="7085"/>
                    </a:lnTo>
                    <a:lnTo>
                      <a:pt x="2685" y="9576"/>
                    </a:lnTo>
                    <a:cubicBezTo>
                      <a:pt x="2707" y="9233"/>
                      <a:pt x="2735" y="8889"/>
                      <a:pt x="2769" y="8546"/>
                    </a:cubicBezTo>
                    <a:cubicBezTo>
                      <a:pt x="2802" y="8202"/>
                      <a:pt x="2842" y="7901"/>
                      <a:pt x="2887" y="7644"/>
                    </a:cubicBezTo>
                    <a:cubicBezTo>
                      <a:pt x="2932" y="7386"/>
                      <a:pt x="2988" y="7171"/>
                      <a:pt x="3044" y="7043"/>
                    </a:cubicBezTo>
                    <a:cubicBezTo>
                      <a:pt x="3106" y="6871"/>
                      <a:pt x="3173" y="6828"/>
                      <a:pt x="3246" y="6828"/>
                    </a:cubicBezTo>
                    <a:cubicBezTo>
                      <a:pt x="3302" y="6828"/>
                      <a:pt x="3353" y="6871"/>
                      <a:pt x="3403" y="7000"/>
                    </a:cubicBezTo>
                    <a:cubicBezTo>
                      <a:pt x="3448" y="7128"/>
                      <a:pt x="3488" y="7214"/>
                      <a:pt x="3516" y="7386"/>
                    </a:cubicBezTo>
                    <a:lnTo>
                      <a:pt x="3426" y="10779"/>
                    </a:lnTo>
                    <a:cubicBezTo>
                      <a:pt x="3398" y="10650"/>
                      <a:pt x="3364" y="10564"/>
                      <a:pt x="3319" y="10435"/>
                    </a:cubicBezTo>
                    <a:cubicBezTo>
                      <a:pt x="3274" y="10349"/>
                      <a:pt x="3224" y="10306"/>
                      <a:pt x="3156" y="10306"/>
                    </a:cubicBezTo>
                    <a:cubicBezTo>
                      <a:pt x="3038" y="10306"/>
                      <a:pt x="2937" y="10607"/>
                      <a:pt x="2859" y="11208"/>
                    </a:cubicBezTo>
                    <a:cubicBezTo>
                      <a:pt x="2780" y="11809"/>
                      <a:pt x="2741" y="12840"/>
                      <a:pt x="2741" y="14257"/>
                    </a:cubicBezTo>
                    <a:lnTo>
                      <a:pt x="2741" y="21342"/>
                    </a:lnTo>
                    <a:lnTo>
                      <a:pt x="2179" y="21342"/>
                    </a:lnTo>
                    <a:close/>
                    <a:moveTo>
                      <a:pt x="5279" y="15416"/>
                    </a:moveTo>
                    <a:lnTo>
                      <a:pt x="4083" y="15416"/>
                    </a:lnTo>
                    <a:lnTo>
                      <a:pt x="4083" y="15545"/>
                    </a:lnTo>
                    <a:cubicBezTo>
                      <a:pt x="4083" y="16533"/>
                      <a:pt x="4134" y="17263"/>
                      <a:pt x="4235" y="17692"/>
                    </a:cubicBezTo>
                    <a:cubicBezTo>
                      <a:pt x="4336" y="18165"/>
                      <a:pt x="4459" y="18379"/>
                      <a:pt x="4611" y="18379"/>
                    </a:cubicBezTo>
                    <a:cubicBezTo>
                      <a:pt x="4718" y="18379"/>
                      <a:pt x="4807" y="18293"/>
                      <a:pt x="4886" y="18165"/>
                    </a:cubicBezTo>
                    <a:cubicBezTo>
                      <a:pt x="4965" y="17993"/>
                      <a:pt x="5032" y="17821"/>
                      <a:pt x="5088" y="17606"/>
                    </a:cubicBezTo>
                    <a:lnTo>
                      <a:pt x="5195" y="20612"/>
                    </a:lnTo>
                    <a:cubicBezTo>
                      <a:pt x="5128" y="20870"/>
                      <a:pt x="5038" y="21085"/>
                      <a:pt x="4931" y="21299"/>
                    </a:cubicBezTo>
                    <a:cubicBezTo>
                      <a:pt x="4824" y="21514"/>
                      <a:pt x="4695" y="21600"/>
                      <a:pt x="4538" y="21600"/>
                    </a:cubicBezTo>
                    <a:cubicBezTo>
                      <a:pt x="4398" y="21600"/>
                      <a:pt x="4268" y="21471"/>
                      <a:pt x="4145" y="21171"/>
                    </a:cubicBezTo>
                    <a:cubicBezTo>
                      <a:pt x="4021" y="20870"/>
                      <a:pt x="3909" y="20441"/>
                      <a:pt x="3819" y="19839"/>
                    </a:cubicBezTo>
                    <a:cubicBezTo>
                      <a:pt x="3724" y="19238"/>
                      <a:pt x="3651" y="18508"/>
                      <a:pt x="3594" y="17606"/>
                    </a:cubicBezTo>
                    <a:cubicBezTo>
                      <a:pt x="3538" y="16705"/>
                      <a:pt x="3510" y="15631"/>
                      <a:pt x="3510" y="14343"/>
                    </a:cubicBezTo>
                    <a:cubicBezTo>
                      <a:pt x="3510" y="13226"/>
                      <a:pt x="3533" y="12196"/>
                      <a:pt x="3578" y="11251"/>
                    </a:cubicBezTo>
                    <a:cubicBezTo>
                      <a:pt x="3622" y="10306"/>
                      <a:pt x="3684" y="9533"/>
                      <a:pt x="3768" y="8846"/>
                    </a:cubicBezTo>
                    <a:cubicBezTo>
                      <a:pt x="3853" y="8159"/>
                      <a:pt x="3948" y="7644"/>
                      <a:pt x="4066" y="7300"/>
                    </a:cubicBezTo>
                    <a:cubicBezTo>
                      <a:pt x="4178" y="6957"/>
                      <a:pt x="4308" y="6742"/>
                      <a:pt x="4448" y="6742"/>
                    </a:cubicBezTo>
                    <a:cubicBezTo>
                      <a:pt x="4701" y="6742"/>
                      <a:pt x="4903" y="7343"/>
                      <a:pt x="5060" y="8503"/>
                    </a:cubicBezTo>
                    <a:cubicBezTo>
                      <a:pt x="5212" y="9662"/>
                      <a:pt x="5290" y="11380"/>
                      <a:pt x="5290" y="13527"/>
                    </a:cubicBezTo>
                    <a:lnTo>
                      <a:pt x="5290" y="15416"/>
                    </a:lnTo>
                    <a:close/>
                    <a:moveTo>
                      <a:pt x="4695" y="12453"/>
                    </a:moveTo>
                    <a:cubicBezTo>
                      <a:pt x="4695" y="12110"/>
                      <a:pt x="4690" y="11809"/>
                      <a:pt x="4678" y="11466"/>
                    </a:cubicBezTo>
                    <a:cubicBezTo>
                      <a:pt x="4667" y="11165"/>
                      <a:pt x="4650" y="10864"/>
                      <a:pt x="4628" y="10607"/>
                    </a:cubicBezTo>
                    <a:cubicBezTo>
                      <a:pt x="4605" y="10349"/>
                      <a:pt x="4577" y="10177"/>
                      <a:pt x="4544" y="10006"/>
                    </a:cubicBezTo>
                    <a:cubicBezTo>
                      <a:pt x="4510" y="9877"/>
                      <a:pt x="4465" y="9791"/>
                      <a:pt x="4420" y="9791"/>
                    </a:cubicBezTo>
                    <a:cubicBezTo>
                      <a:pt x="4330" y="9791"/>
                      <a:pt x="4257" y="10049"/>
                      <a:pt x="4195" y="10521"/>
                    </a:cubicBezTo>
                    <a:cubicBezTo>
                      <a:pt x="4134" y="10993"/>
                      <a:pt x="4100" y="11637"/>
                      <a:pt x="4089" y="12496"/>
                    </a:cubicBezTo>
                    <a:lnTo>
                      <a:pt x="4695" y="12453"/>
                    </a:lnTo>
                    <a:close/>
                    <a:moveTo>
                      <a:pt x="6773" y="10693"/>
                    </a:moveTo>
                    <a:cubicBezTo>
                      <a:pt x="6706" y="10435"/>
                      <a:pt x="6633" y="10220"/>
                      <a:pt x="6554" y="10091"/>
                    </a:cubicBezTo>
                    <a:cubicBezTo>
                      <a:pt x="6476" y="9963"/>
                      <a:pt x="6402" y="9877"/>
                      <a:pt x="6329" y="9877"/>
                    </a:cubicBezTo>
                    <a:cubicBezTo>
                      <a:pt x="6262" y="9877"/>
                      <a:pt x="6206" y="9963"/>
                      <a:pt x="6167" y="10134"/>
                    </a:cubicBezTo>
                    <a:cubicBezTo>
                      <a:pt x="6127" y="10306"/>
                      <a:pt x="6105" y="10564"/>
                      <a:pt x="6105" y="10864"/>
                    </a:cubicBezTo>
                    <a:cubicBezTo>
                      <a:pt x="6105" y="11208"/>
                      <a:pt x="6127" y="11466"/>
                      <a:pt x="6167" y="11723"/>
                    </a:cubicBezTo>
                    <a:cubicBezTo>
                      <a:pt x="6206" y="11938"/>
                      <a:pt x="6285" y="12196"/>
                      <a:pt x="6402" y="12453"/>
                    </a:cubicBezTo>
                    <a:lnTo>
                      <a:pt x="6520" y="12711"/>
                    </a:lnTo>
                    <a:cubicBezTo>
                      <a:pt x="6672" y="13054"/>
                      <a:pt x="6790" y="13570"/>
                      <a:pt x="6869" y="14257"/>
                    </a:cubicBezTo>
                    <a:cubicBezTo>
                      <a:pt x="6947" y="14944"/>
                      <a:pt x="6987" y="15803"/>
                      <a:pt x="6987" y="16876"/>
                    </a:cubicBezTo>
                    <a:cubicBezTo>
                      <a:pt x="6987" y="17563"/>
                      <a:pt x="6970" y="18208"/>
                      <a:pt x="6930" y="18809"/>
                    </a:cubicBezTo>
                    <a:cubicBezTo>
                      <a:pt x="6891" y="19410"/>
                      <a:pt x="6835" y="19882"/>
                      <a:pt x="6768" y="20312"/>
                    </a:cubicBezTo>
                    <a:cubicBezTo>
                      <a:pt x="6695" y="20741"/>
                      <a:pt x="6610" y="21042"/>
                      <a:pt x="6515" y="21256"/>
                    </a:cubicBezTo>
                    <a:cubicBezTo>
                      <a:pt x="6414" y="21471"/>
                      <a:pt x="6307" y="21600"/>
                      <a:pt x="6183" y="21600"/>
                    </a:cubicBezTo>
                    <a:cubicBezTo>
                      <a:pt x="6054" y="21600"/>
                      <a:pt x="5936" y="21514"/>
                      <a:pt x="5835" y="21342"/>
                    </a:cubicBezTo>
                    <a:cubicBezTo>
                      <a:pt x="5734" y="21171"/>
                      <a:pt x="5639" y="20913"/>
                      <a:pt x="5554" y="20569"/>
                    </a:cubicBezTo>
                    <a:lnTo>
                      <a:pt x="5678" y="17435"/>
                    </a:lnTo>
                    <a:cubicBezTo>
                      <a:pt x="5751" y="17735"/>
                      <a:pt x="5830" y="17950"/>
                      <a:pt x="5914" y="18165"/>
                    </a:cubicBezTo>
                    <a:cubicBezTo>
                      <a:pt x="5993" y="18336"/>
                      <a:pt x="6077" y="18465"/>
                      <a:pt x="6161" y="18465"/>
                    </a:cubicBezTo>
                    <a:cubicBezTo>
                      <a:pt x="6256" y="18465"/>
                      <a:pt x="6329" y="18336"/>
                      <a:pt x="6369" y="18122"/>
                    </a:cubicBezTo>
                    <a:cubicBezTo>
                      <a:pt x="6408" y="17907"/>
                      <a:pt x="6431" y="17649"/>
                      <a:pt x="6431" y="17349"/>
                    </a:cubicBezTo>
                    <a:cubicBezTo>
                      <a:pt x="6431" y="17177"/>
                      <a:pt x="6425" y="17005"/>
                      <a:pt x="6419" y="16876"/>
                    </a:cubicBezTo>
                    <a:cubicBezTo>
                      <a:pt x="6408" y="16748"/>
                      <a:pt x="6397" y="16619"/>
                      <a:pt x="6369" y="16490"/>
                    </a:cubicBezTo>
                    <a:cubicBezTo>
                      <a:pt x="6346" y="16361"/>
                      <a:pt x="6313" y="16275"/>
                      <a:pt x="6268" y="16146"/>
                    </a:cubicBezTo>
                    <a:cubicBezTo>
                      <a:pt x="6223" y="16017"/>
                      <a:pt x="6172" y="15889"/>
                      <a:pt x="6105" y="15760"/>
                    </a:cubicBezTo>
                    <a:lnTo>
                      <a:pt x="5987" y="15502"/>
                    </a:lnTo>
                    <a:cubicBezTo>
                      <a:pt x="5835" y="15116"/>
                      <a:pt x="5723" y="14600"/>
                      <a:pt x="5656" y="13956"/>
                    </a:cubicBezTo>
                    <a:cubicBezTo>
                      <a:pt x="5588" y="13312"/>
                      <a:pt x="5549" y="12410"/>
                      <a:pt x="5549" y="11294"/>
                    </a:cubicBezTo>
                    <a:cubicBezTo>
                      <a:pt x="5549" y="10650"/>
                      <a:pt x="5566" y="10049"/>
                      <a:pt x="5599" y="9490"/>
                    </a:cubicBezTo>
                    <a:cubicBezTo>
                      <a:pt x="5633" y="8932"/>
                      <a:pt x="5684" y="8460"/>
                      <a:pt x="5745" y="8073"/>
                    </a:cubicBezTo>
                    <a:cubicBezTo>
                      <a:pt x="5807" y="7687"/>
                      <a:pt x="5886" y="7343"/>
                      <a:pt x="5976" y="7128"/>
                    </a:cubicBezTo>
                    <a:cubicBezTo>
                      <a:pt x="6066" y="6914"/>
                      <a:pt x="6172" y="6785"/>
                      <a:pt x="6290" y="6785"/>
                    </a:cubicBezTo>
                    <a:cubicBezTo>
                      <a:pt x="6408" y="6785"/>
                      <a:pt x="6520" y="6871"/>
                      <a:pt x="6622" y="7043"/>
                    </a:cubicBezTo>
                    <a:cubicBezTo>
                      <a:pt x="6723" y="7214"/>
                      <a:pt x="6812" y="7429"/>
                      <a:pt x="6897" y="7730"/>
                    </a:cubicBezTo>
                    <a:lnTo>
                      <a:pt x="6773" y="10693"/>
                    </a:lnTo>
                    <a:close/>
                    <a:moveTo>
                      <a:pt x="8992" y="15416"/>
                    </a:moveTo>
                    <a:lnTo>
                      <a:pt x="7795" y="15416"/>
                    </a:lnTo>
                    <a:lnTo>
                      <a:pt x="7795" y="15545"/>
                    </a:lnTo>
                    <a:cubicBezTo>
                      <a:pt x="7795" y="16533"/>
                      <a:pt x="7846" y="17263"/>
                      <a:pt x="7947" y="17692"/>
                    </a:cubicBezTo>
                    <a:cubicBezTo>
                      <a:pt x="8048" y="18165"/>
                      <a:pt x="8172" y="18379"/>
                      <a:pt x="8323" y="18379"/>
                    </a:cubicBezTo>
                    <a:cubicBezTo>
                      <a:pt x="8430" y="18379"/>
                      <a:pt x="8520" y="18293"/>
                      <a:pt x="8598" y="18165"/>
                    </a:cubicBezTo>
                    <a:cubicBezTo>
                      <a:pt x="8677" y="17993"/>
                      <a:pt x="8744" y="17821"/>
                      <a:pt x="8801" y="17606"/>
                    </a:cubicBezTo>
                    <a:lnTo>
                      <a:pt x="8907" y="20612"/>
                    </a:lnTo>
                    <a:cubicBezTo>
                      <a:pt x="8840" y="20870"/>
                      <a:pt x="8750" y="21085"/>
                      <a:pt x="8643" y="21299"/>
                    </a:cubicBezTo>
                    <a:cubicBezTo>
                      <a:pt x="8537" y="21514"/>
                      <a:pt x="8407" y="21600"/>
                      <a:pt x="8250" y="21600"/>
                    </a:cubicBezTo>
                    <a:cubicBezTo>
                      <a:pt x="8110" y="21600"/>
                      <a:pt x="7981" y="21471"/>
                      <a:pt x="7857" y="21171"/>
                    </a:cubicBezTo>
                    <a:cubicBezTo>
                      <a:pt x="7734" y="20870"/>
                      <a:pt x="7621" y="20441"/>
                      <a:pt x="7531" y="19839"/>
                    </a:cubicBezTo>
                    <a:cubicBezTo>
                      <a:pt x="7436" y="19238"/>
                      <a:pt x="7363" y="18508"/>
                      <a:pt x="7307" y="17606"/>
                    </a:cubicBezTo>
                    <a:cubicBezTo>
                      <a:pt x="7251" y="16705"/>
                      <a:pt x="7222" y="15631"/>
                      <a:pt x="7222" y="14343"/>
                    </a:cubicBezTo>
                    <a:cubicBezTo>
                      <a:pt x="7222" y="13226"/>
                      <a:pt x="7245" y="12196"/>
                      <a:pt x="7290" y="11251"/>
                    </a:cubicBezTo>
                    <a:cubicBezTo>
                      <a:pt x="7335" y="10306"/>
                      <a:pt x="7397" y="9533"/>
                      <a:pt x="7481" y="8846"/>
                    </a:cubicBezTo>
                    <a:cubicBezTo>
                      <a:pt x="7565" y="8159"/>
                      <a:pt x="7661" y="7644"/>
                      <a:pt x="7778" y="7300"/>
                    </a:cubicBezTo>
                    <a:cubicBezTo>
                      <a:pt x="7891" y="6957"/>
                      <a:pt x="8020" y="6742"/>
                      <a:pt x="8160" y="6742"/>
                    </a:cubicBezTo>
                    <a:cubicBezTo>
                      <a:pt x="8413" y="6742"/>
                      <a:pt x="8615" y="7343"/>
                      <a:pt x="8773" y="8503"/>
                    </a:cubicBezTo>
                    <a:cubicBezTo>
                      <a:pt x="8924" y="9662"/>
                      <a:pt x="9003" y="11380"/>
                      <a:pt x="9003" y="13527"/>
                    </a:cubicBezTo>
                    <a:lnTo>
                      <a:pt x="9003" y="15416"/>
                    </a:lnTo>
                    <a:close/>
                    <a:moveTo>
                      <a:pt x="8413" y="12453"/>
                    </a:moveTo>
                    <a:cubicBezTo>
                      <a:pt x="8413" y="12110"/>
                      <a:pt x="8407" y="11809"/>
                      <a:pt x="8396" y="11466"/>
                    </a:cubicBezTo>
                    <a:cubicBezTo>
                      <a:pt x="8385" y="11165"/>
                      <a:pt x="8368" y="10864"/>
                      <a:pt x="8346" y="10607"/>
                    </a:cubicBezTo>
                    <a:cubicBezTo>
                      <a:pt x="8323" y="10349"/>
                      <a:pt x="8295" y="10177"/>
                      <a:pt x="8261" y="10006"/>
                    </a:cubicBezTo>
                    <a:cubicBezTo>
                      <a:pt x="8228" y="9834"/>
                      <a:pt x="8183" y="9791"/>
                      <a:pt x="8138" y="9791"/>
                    </a:cubicBezTo>
                    <a:cubicBezTo>
                      <a:pt x="8048" y="9791"/>
                      <a:pt x="7975" y="10049"/>
                      <a:pt x="7913" y="10521"/>
                    </a:cubicBezTo>
                    <a:cubicBezTo>
                      <a:pt x="7851" y="10993"/>
                      <a:pt x="7818" y="11637"/>
                      <a:pt x="7807" y="12496"/>
                    </a:cubicBezTo>
                    <a:lnTo>
                      <a:pt x="8413" y="12453"/>
                    </a:lnTo>
                    <a:close/>
                    <a:moveTo>
                      <a:pt x="9913" y="21256"/>
                    </a:moveTo>
                    <a:lnTo>
                      <a:pt x="9340" y="21256"/>
                    </a:lnTo>
                    <a:lnTo>
                      <a:pt x="9340" y="7085"/>
                    </a:lnTo>
                    <a:lnTo>
                      <a:pt x="9783" y="7085"/>
                    </a:lnTo>
                    <a:lnTo>
                      <a:pt x="9851" y="8846"/>
                    </a:lnTo>
                    <a:cubicBezTo>
                      <a:pt x="9935" y="8202"/>
                      <a:pt x="10025" y="7687"/>
                      <a:pt x="10126" y="7300"/>
                    </a:cubicBezTo>
                    <a:cubicBezTo>
                      <a:pt x="10227" y="6914"/>
                      <a:pt x="10339" y="6742"/>
                      <a:pt x="10463" y="6742"/>
                    </a:cubicBezTo>
                    <a:cubicBezTo>
                      <a:pt x="10671" y="6742"/>
                      <a:pt x="10828" y="7171"/>
                      <a:pt x="10940" y="8030"/>
                    </a:cubicBezTo>
                    <a:cubicBezTo>
                      <a:pt x="11053" y="8889"/>
                      <a:pt x="11109" y="10177"/>
                      <a:pt x="11109" y="11852"/>
                    </a:cubicBezTo>
                    <a:lnTo>
                      <a:pt x="11109" y="21214"/>
                    </a:lnTo>
                    <a:lnTo>
                      <a:pt x="10536" y="21214"/>
                    </a:lnTo>
                    <a:lnTo>
                      <a:pt x="10536" y="12281"/>
                    </a:lnTo>
                    <a:cubicBezTo>
                      <a:pt x="10536" y="11594"/>
                      <a:pt x="10514" y="11036"/>
                      <a:pt x="10474" y="10650"/>
                    </a:cubicBezTo>
                    <a:cubicBezTo>
                      <a:pt x="10429" y="10263"/>
                      <a:pt x="10368" y="10048"/>
                      <a:pt x="10289" y="10048"/>
                    </a:cubicBezTo>
                    <a:cubicBezTo>
                      <a:pt x="10227" y="10048"/>
                      <a:pt x="10160" y="10177"/>
                      <a:pt x="10092" y="10478"/>
                    </a:cubicBezTo>
                    <a:cubicBezTo>
                      <a:pt x="10025" y="10736"/>
                      <a:pt x="9963" y="11122"/>
                      <a:pt x="9913" y="11551"/>
                    </a:cubicBezTo>
                    <a:lnTo>
                      <a:pt x="9913" y="21256"/>
                    </a:lnTo>
                    <a:close/>
                    <a:moveTo>
                      <a:pt x="12687" y="10220"/>
                    </a:moveTo>
                    <a:lnTo>
                      <a:pt x="12215" y="10220"/>
                    </a:lnTo>
                    <a:lnTo>
                      <a:pt x="12215" y="16189"/>
                    </a:lnTo>
                    <a:cubicBezTo>
                      <a:pt x="12215" y="16833"/>
                      <a:pt x="12232" y="17306"/>
                      <a:pt x="12271" y="17563"/>
                    </a:cubicBezTo>
                    <a:cubicBezTo>
                      <a:pt x="12311" y="17821"/>
                      <a:pt x="12361" y="17950"/>
                      <a:pt x="12429" y="17950"/>
                    </a:cubicBezTo>
                    <a:cubicBezTo>
                      <a:pt x="12479" y="17950"/>
                      <a:pt x="12530" y="17907"/>
                      <a:pt x="12580" y="17821"/>
                    </a:cubicBezTo>
                    <a:cubicBezTo>
                      <a:pt x="12631" y="17735"/>
                      <a:pt x="12670" y="17649"/>
                      <a:pt x="12698" y="17478"/>
                    </a:cubicBezTo>
                    <a:lnTo>
                      <a:pt x="12783" y="20441"/>
                    </a:lnTo>
                    <a:cubicBezTo>
                      <a:pt x="12738" y="20612"/>
                      <a:pt x="12670" y="20784"/>
                      <a:pt x="12586" y="20956"/>
                    </a:cubicBezTo>
                    <a:cubicBezTo>
                      <a:pt x="12496" y="21128"/>
                      <a:pt x="12401" y="21213"/>
                      <a:pt x="12305" y="21213"/>
                    </a:cubicBezTo>
                    <a:cubicBezTo>
                      <a:pt x="12064" y="21213"/>
                      <a:pt x="11895" y="20870"/>
                      <a:pt x="11800" y="20140"/>
                    </a:cubicBezTo>
                    <a:cubicBezTo>
                      <a:pt x="11699" y="19453"/>
                      <a:pt x="11654" y="18379"/>
                      <a:pt x="11654" y="16919"/>
                    </a:cubicBezTo>
                    <a:lnTo>
                      <a:pt x="11654" y="10220"/>
                    </a:lnTo>
                    <a:lnTo>
                      <a:pt x="11362" y="10220"/>
                    </a:lnTo>
                    <a:lnTo>
                      <a:pt x="11362" y="7085"/>
                    </a:lnTo>
                    <a:lnTo>
                      <a:pt x="11654" y="7085"/>
                    </a:lnTo>
                    <a:lnTo>
                      <a:pt x="11654" y="2791"/>
                    </a:lnTo>
                    <a:lnTo>
                      <a:pt x="12221" y="2791"/>
                    </a:lnTo>
                    <a:lnTo>
                      <a:pt x="12221" y="7085"/>
                    </a:lnTo>
                    <a:lnTo>
                      <a:pt x="12693" y="7085"/>
                    </a:lnTo>
                    <a:lnTo>
                      <a:pt x="12693" y="10220"/>
                    </a:lnTo>
                    <a:close/>
                    <a:moveTo>
                      <a:pt x="13069" y="8331"/>
                    </a:moveTo>
                    <a:cubicBezTo>
                      <a:pt x="13176" y="7858"/>
                      <a:pt x="13294" y="7472"/>
                      <a:pt x="13428" y="7214"/>
                    </a:cubicBezTo>
                    <a:cubicBezTo>
                      <a:pt x="13563" y="6914"/>
                      <a:pt x="13698" y="6785"/>
                      <a:pt x="13833" y="6785"/>
                    </a:cubicBezTo>
                    <a:cubicBezTo>
                      <a:pt x="14063" y="6785"/>
                      <a:pt x="14243" y="7214"/>
                      <a:pt x="14383" y="8073"/>
                    </a:cubicBezTo>
                    <a:cubicBezTo>
                      <a:pt x="14524" y="8932"/>
                      <a:pt x="14591" y="10263"/>
                      <a:pt x="14591" y="12110"/>
                    </a:cubicBezTo>
                    <a:lnTo>
                      <a:pt x="14591" y="21299"/>
                    </a:lnTo>
                    <a:lnTo>
                      <a:pt x="14153" y="21299"/>
                    </a:lnTo>
                    <a:lnTo>
                      <a:pt x="14102" y="19882"/>
                    </a:lnTo>
                    <a:lnTo>
                      <a:pt x="14085" y="19882"/>
                    </a:lnTo>
                    <a:cubicBezTo>
                      <a:pt x="14035" y="20398"/>
                      <a:pt x="13962" y="20827"/>
                      <a:pt x="13872" y="21128"/>
                    </a:cubicBezTo>
                    <a:cubicBezTo>
                      <a:pt x="13782" y="21471"/>
                      <a:pt x="13676" y="21600"/>
                      <a:pt x="13552" y="21600"/>
                    </a:cubicBezTo>
                    <a:cubicBezTo>
                      <a:pt x="13445" y="21600"/>
                      <a:pt x="13355" y="21471"/>
                      <a:pt x="13277" y="21256"/>
                    </a:cubicBezTo>
                    <a:cubicBezTo>
                      <a:pt x="13198" y="21042"/>
                      <a:pt x="13131" y="20698"/>
                      <a:pt x="13080" y="20312"/>
                    </a:cubicBezTo>
                    <a:cubicBezTo>
                      <a:pt x="13030" y="19925"/>
                      <a:pt x="12990" y="19453"/>
                      <a:pt x="12962" y="18895"/>
                    </a:cubicBezTo>
                    <a:cubicBezTo>
                      <a:pt x="12934" y="18336"/>
                      <a:pt x="12923" y="17778"/>
                      <a:pt x="12923" y="17177"/>
                    </a:cubicBezTo>
                    <a:cubicBezTo>
                      <a:pt x="12923" y="16361"/>
                      <a:pt x="12945" y="15631"/>
                      <a:pt x="12996" y="15073"/>
                    </a:cubicBezTo>
                    <a:cubicBezTo>
                      <a:pt x="13041" y="14472"/>
                      <a:pt x="13108" y="13999"/>
                      <a:pt x="13187" y="13613"/>
                    </a:cubicBezTo>
                    <a:cubicBezTo>
                      <a:pt x="13266" y="13226"/>
                      <a:pt x="13361" y="12969"/>
                      <a:pt x="13473" y="12797"/>
                    </a:cubicBezTo>
                    <a:cubicBezTo>
                      <a:pt x="13580" y="12625"/>
                      <a:pt x="13698" y="12539"/>
                      <a:pt x="13822" y="12539"/>
                    </a:cubicBezTo>
                    <a:lnTo>
                      <a:pt x="14012" y="12539"/>
                    </a:lnTo>
                    <a:lnTo>
                      <a:pt x="14012" y="11766"/>
                    </a:lnTo>
                    <a:cubicBezTo>
                      <a:pt x="14012" y="11251"/>
                      <a:pt x="13990" y="10821"/>
                      <a:pt x="13939" y="10564"/>
                    </a:cubicBezTo>
                    <a:cubicBezTo>
                      <a:pt x="13889" y="10263"/>
                      <a:pt x="13822" y="10134"/>
                      <a:pt x="13732" y="10134"/>
                    </a:cubicBezTo>
                    <a:cubicBezTo>
                      <a:pt x="13653" y="10134"/>
                      <a:pt x="13580" y="10220"/>
                      <a:pt x="13501" y="10392"/>
                    </a:cubicBezTo>
                    <a:cubicBezTo>
                      <a:pt x="13428" y="10564"/>
                      <a:pt x="13344" y="10864"/>
                      <a:pt x="13254" y="11251"/>
                    </a:cubicBezTo>
                    <a:lnTo>
                      <a:pt x="13069" y="8331"/>
                    </a:lnTo>
                    <a:close/>
                    <a:moveTo>
                      <a:pt x="14024" y="15116"/>
                    </a:moveTo>
                    <a:lnTo>
                      <a:pt x="13895" y="15159"/>
                    </a:lnTo>
                    <a:cubicBezTo>
                      <a:pt x="13822" y="15159"/>
                      <a:pt x="13760" y="15245"/>
                      <a:pt x="13715" y="15330"/>
                    </a:cubicBezTo>
                    <a:cubicBezTo>
                      <a:pt x="13664" y="15416"/>
                      <a:pt x="13625" y="15545"/>
                      <a:pt x="13597" y="15717"/>
                    </a:cubicBezTo>
                    <a:cubicBezTo>
                      <a:pt x="13569" y="15846"/>
                      <a:pt x="13546" y="16060"/>
                      <a:pt x="13535" y="16232"/>
                    </a:cubicBezTo>
                    <a:cubicBezTo>
                      <a:pt x="13524" y="16447"/>
                      <a:pt x="13518" y="16662"/>
                      <a:pt x="13518" y="16876"/>
                    </a:cubicBezTo>
                    <a:cubicBezTo>
                      <a:pt x="13518" y="17478"/>
                      <a:pt x="13541" y="17907"/>
                      <a:pt x="13591" y="18122"/>
                    </a:cubicBezTo>
                    <a:cubicBezTo>
                      <a:pt x="13636" y="18336"/>
                      <a:pt x="13692" y="18465"/>
                      <a:pt x="13754" y="18465"/>
                    </a:cubicBezTo>
                    <a:cubicBezTo>
                      <a:pt x="13816" y="18465"/>
                      <a:pt x="13872" y="18336"/>
                      <a:pt x="13923" y="18036"/>
                    </a:cubicBezTo>
                    <a:cubicBezTo>
                      <a:pt x="13973" y="17778"/>
                      <a:pt x="14007" y="17478"/>
                      <a:pt x="14029" y="17134"/>
                    </a:cubicBezTo>
                    <a:lnTo>
                      <a:pt x="14029" y="15116"/>
                    </a:lnTo>
                    <a:close/>
                    <a:moveTo>
                      <a:pt x="16192" y="10220"/>
                    </a:moveTo>
                    <a:lnTo>
                      <a:pt x="15720" y="10220"/>
                    </a:lnTo>
                    <a:lnTo>
                      <a:pt x="15720" y="16189"/>
                    </a:lnTo>
                    <a:cubicBezTo>
                      <a:pt x="15720" y="16833"/>
                      <a:pt x="15737" y="17306"/>
                      <a:pt x="15776" y="17563"/>
                    </a:cubicBezTo>
                    <a:cubicBezTo>
                      <a:pt x="15815" y="17821"/>
                      <a:pt x="15866" y="17950"/>
                      <a:pt x="15933" y="17950"/>
                    </a:cubicBezTo>
                    <a:cubicBezTo>
                      <a:pt x="15984" y="17950"/>
                      <a:pt x="16034" y="17907"/>
                      <a:pt x="16085" y="17821"/>
                    </a:cubicBezTo>
                    <a:cubicBezTo>
                      <a:pt x="16135" y="17735"/>
                      <a:pt x="16175" y="17649"/>
                      <a:pt x="16203" y="17478"/>
                    </a:cubicBezTo>
                    <a:lnTo>
                      <a:pt x="16287" y="20441"/>
                    </a:lnTo>
                    <a:cubicBezTo>
                      <a:pt x="16242" y="20612"/>
                      <a:pt x="16175" y="20784"/>
                      <a:pt x="16090" y="20956"/>
                    </a:cubicBezTo>
                    <a:cubicBezTo>
                      <a:pt x="16001" y="21128"/>
                      <a:pt x="15905" y="21213"/>
                      <a:pt x="15810" y="21213"/>
                    </a:cubicBezTo>
                    <a:cubicBezTo>
                      <a:pt x="15568" y="21213"/>
                      <a:pt x="15400" y="20870"/>
                      <a:pt x="15304" y="20140"/>
                    </a:cubicBezTo>
                    <a:cubicBezTo>
                      <a:pt x="15203" y="19453"/>
                      <a:pt x="15158" y="18379"/>
                      <a:pt x="15158" y="16919"/>
                    </a:cubicBezTo>
                    <a:lnTo>
                      <a:pt x="15158" y="10220"/>
                    </a:lnTo>
                    <a:lnTo>
                      <a:pt x="14866" y="10220"/>
                    </a:lnTo>
                    <a:lnTo>
                      <a:pt x="14866" y="7085"/>
                    </a:lnTo>
                    <a:lnTo>
                      <a:pt x="15158" y="7085"/>
                    </a:lnTo>
                    <a:lnTo>
                      <a:pt x="15158" y="2791"/>
                    </a:lnTo>
                    <a:lnTo>
                      <a:pt x="15725" y="2791"/>
                    </a:lnTo>
                    <a:lnTo>
                      <a:pt x="15725" y="7085"/>
                    </a:lnTo>
                    <a:lnTo>
                      <a:pt x="16197" y="7085"/>
                    </a:lnTo>
                    <a:lnTo>
                      <a:pt x="16197" y="10220"/>
                    </a:lnTo>
                    <a:close/>
                    <a:moveTo>
                      <a:pt x="16871" y="4294"/>
                    </a:moveTo>
                    <a:cubicBezTo>
                      <a:pt x="16776" y="4294"/>
                      <a:pt x="16697" y="4080"/>
                      <a:pt x="16646" y="3650"/>
                    </a:cubicBezTo>
                    <a:cubicBezTo>
                      <a:pt x="16596" y="3221"/>
                      <a:pt x="16568" y="2705"/>
                      <a:pt x="16568" y="2147"/>
                    </a:cubicBezTo>
                    <a:cubicBezTo>
                      <a:pt x="16568" y="1546"/>
                      <a:pt x="16596" y="1031"/>
                      <a:pt x="16646" y="644"/>
                    </a:cubicBezTo>
                    <a:cubicBezTo>
                      <a:pt x="16697" y="215"/>
                      <a:pt x="16776" y="0"/>
                      <a:pt x="16866" y="0"/>
                    </a:cubicBezTo>
                    <a:cubicBezTo>
                      <a:pt x="16961" y="0"/>
                      <a:pt x="17034" y="215"/>
                      <a:pt x="17085" y="601"/>
                    </a:cubicBezTo>
                    <a:cubicBezTo>
                      <a:pt x="17135" y="1031"/>
                      <a:pt x="17163" y="1546"/>
                      <a:pt x="17163" y="2147"/>
                    </a:cubicBezTo>
                    <a:cubicBezTo>
                      <a:pt x="17163" y="2748"/>
                      <a:pt x="17135" y="3264"/>
                      <a:pt x="17085" y="3693"/>
                    </a:cubicBezTo>
                    <a:cubicBezTo>
                      <a:pt x="17045" y="4122"/>
                      <a:pt x="16972" y="4294"/>
                      <a:pt x="16871" y="4294"/>
                    </a:cubicBezTo>
                    <a:close/>
                    <a:moveTo>
                      <a:pt x="16585" y="21256"/>
                    </a:moveTo>
                    <a:lnTo>
                      <a:pt x="16585" y="7085"/>
                    </a:lnTo>
                    <a:lnTo>
                      <a:pt x="17158" y="7085"/>
                    </a:lnTo>
                    <a:lnTo>
                      <a:pt x="17158" y="21256"/>
                    </a:lnTo>
                    <a:lnTo>
                      <a:pt x="16585" y="21256"/>
                    </a:lnTo>
                    <a:close/>
                    <a:moveTo>
                      <a:pt x="19477" y="14085"/>
                    </a:moveTo>
                    <a:cubicBezTo>
                      <a:pt x="19477" y="15245"/>
                      <a:pt x="19455" y="16275"/>
                      <a:pt x="19404" y="17220"/>
                    </a:cubicBezTo>
                    <a:cubicBezTo>
                      <a:pt x="19354" y="18165"/>
                      <a:pt x="19286" y="18938"/>
                      <a:pt x="19196" y="19582"/>
                    </a:cubicBezTo>
                    <a:cubicBezTo>
                      <a:pt x="19106" y="20226"/>
                      <a:pt x="19005" y="20741"/>
                      <a:pt x="18887" y="21085"/>
                    </a:cubicBezTo>
                    <a:cubicBezTo>
                      <a:pt x="18769" y="21428"/>
                      <a:pt x="18640" y="21600"/>
                      <a:pt x="18505" y="21600"/>
                    </a:cubicBezTo>
                    <a:cubicBezTo>
                      <a:pt x="18371" y="21600"/>
                      <a:pt x="18241" y="21428"/>
                      <a:pt x="18124" y="21128"/>
                    </a:cubicBezTo>
                    <a:cubicBezTo>
                      <a:pt x="18006" y="20784"/>
                      <a:pt x="17905" y="20355"/>
                      <a:pt x="17820" y="19711"/>
                    </a:cubicBezTo>
                    <a:cubicBezTo>
                      <a:pt x="17736" y="19109"/>
                      <a:pt x="17669" y="18336"/>
                      <a:pt x="17618" y="17435"/>
                    </a:cubicBezTo>
                    <a:cubicBezTo>
                      <a:pt x="17568" y="16533"/>
                      <a:pt x="17545" y="15502"/>
                      <a:pt x="17545" y="14386"/>
                    </a:cubicBezTo>
                    <a:cubicBezTo>
                      <a:pt x="17545" y="13183"/>
                      <a:pt x="17568" y="12110"/>
                      <a:pt x="17618" y="11165"/>
                    </a:cubicBezTo>
                    <a:cubicBezTo>
                      <a:pt x="17669" y="10220"/>
                      <a:pt x="17736" y="9404"/>
                      <a:pt x="17826" y="8760"/>
                    </a:cubicBezTo>
                    <a:cubicBezTo>
                      <a:pt x="17916" y="8116"/>
                      <a:pt x="18017" y="7601"/>
                      <a:pt x="18135" y="7257"/>
                    </a:cubicBezTo>
                    <a:cubicBezTo>
                      <a:pt x="18253" y="6914"/>
                      <a:pt x="18382" y="6742"/>
                      <a:pt x="18517" y="6742"/>
                    </a:cubicBezTo>
                    <a:cubicBezTo>
                      <a:pt x="18651" y="6742"/>
                      <a:pt x="18781" y="6914"/>
                      <a:pt x="18899" y="7214"/>
                    </a:cubicBezTo>
                    <a:cubicBezTo>
                      <a:pt x="19017" y="7515"/>
                      <a:pt x="19118" y="7987"/>
                      <a:pt x="19202" y="8631"/>
                    </a:cubicBezTo>
                    <a:cubicBezTo>
                      <a:pt x="19286" y="9233"/>
                      <a:pt x="19354" y="10006"/>
                      <a:pt x="19404" y="10907"/>
                    </a:cubicBezTo>
                    <a:cubicBezTo>
                      <a:pt x="19455" y="11809"/>
                      <a:pt x="19477" y="12883"/>
                      <a:pt x="19477" y="14085"/>
                    </a:cubicBezTo>
                    <a:close/>
                    <a:moveTo>
                      <a:pt x="18893" y="14214"/>
                    </a:moveTo>
                    <a:cubicBezTo>
                      <a:pt x="18893" y="13441"/>
                      <a:pt x="18882" y="12797"/>
                      <a:pt x="18865" y="12239"/>
                    </a:cubicBezTo>
                    <a:cubicBezTo>
                      <a:pt x="18842" y="11680"/>
                      <a:pt x="18814" y="11251"/>
                      <a:pt x="18781" y="10907"/>
                    </a:cubicBezTo>
                    <a:cubicBezTo>
                      <a:pt x="18747" y="10564"/>
                      <a:pt x="18702" y="10306"/>
                      <a:pt x="18657" y="10134"/>
                    </a:cubicBezTo>
                    <a:cubicBezTo>
                      <a:pt x="18612" y="9963"/>
                      <a:pt x="18562" y="9920"/>
                      <a:pt x="18517" y="9920"/>
                    </a:cubicBezTo>
                    <a:cubicBezTo>
                      <a:pt x="18466" y="9920"/>
                      <a:pt x="18421" y="10006"/>
                      <a:pt x="18376" y="10134"/>
                    </a:cubicBezTo>
                    <a:cubicBezTo>
                      <a:pt x="18331" y="10263"/>
                      <a:pt x="18292" y="10521"/>
                      <a:pt x="18258" y="10821"/>
                    </a:cubicBezTo>
                    <a:cubicBezTo>
                      <a:pt x="18225" y="11165"/>
                      <a:pt x="18197" y="11594"/>
                      <a:pt x="18174" y="12153"/>
                    </a:cubicBezTo>
                    <a:cubicBezTo>
                      <a:pt x="18152" y="12711"/>
                      <a:pt x="18146" y="13355"/>
                      <a:pt x="18146" y="14214"/>
                    </a:cubicBezTo>
                    <a:cubicBezTo>
                      <a:pt x="18146" y="15631"/>
                      <a:pt x="18185" y="16705"/>
                      <a:pt x="18264" y="17349"/>
                    </a:cubicBezTo>
                    <a:cubicBezTo>
                      <a:pt x="18343" y="18036"/>
                      <a:pt x="18432" y="18336"/>
                      <a:pt x="18528" y="18336"/>
                    </a:cubicBezTo>
                    <a:cubicBezTo>
                      <a:pt x="18578" y="18336"/>
                      <a:pt x="18623" y="18250"/>
                      <a:pt x="18668" y="18122"/>
                    </a:cubicBezTo>
                    <a:cubicBezTo>
                      <a:pt x="18713" y="17993"/>
                      <a:pt x="18753" y="17735"/>
                      <a:pt x="18786" y="17435"/>
                    </a:cubicBezTo>
                    <a:cubicBezTo>
                      <a:pt x="18820" y="17091"/>
                      <a:pt x="18848" y="16662"/>
                      <a:pt x="18871" y="16146"/>
                    </a:cubicBezTo>
                    <a:cubicBezTo>
                      <a:pt x="18882" y="15631"/>
                      <a:pt x="18893" y="14987"/>
                      <a:pt x="18893" y="14214"/>
                    </a:cubicBezTo>
                    <a:close/>
                    <a:moveTo>
                      <a:pt x="20404" y="21256"/>
                    </a:moveTo>
                    <a:lnTo>
                      <a:pt x="19831" y="21256"/>
                    </a:lnTo>
                    <a:lnTo>
                      <a:pt x="19831" y="7085"/>
                    </a:lnTo>
                    <a:lnTo>
                      <a:pt x="20275" y="7085"/>
                    </a:lnTo>
                    <a:lnTo>
                      <a:pt x="20342" y="8846"/>
                    </a:lnTo>
                    <a:cubicBezTo>
                      <a:pt x="20426" y="8202"/>
                      <a:pt x="20516" y="7687"/>
                      <a:pt x="20617" y="7300"/>
                    </a:cubicBezTo>
                    <a:cubicBezTo>
                      <a:pt x="20718" y="6914"/>
                      <a:pt x="20831" y="6742"/>
                      <a:pt x="20954" y="6742"/>
                    </a:cubicBezTo>
                    <a:cubicBezTo>
                      <a:pt x="21162" y="6742"/>
                      <a:pt x="21319" y="7171"/>
                      <a:pt x="21432" y="8030"/>
                    </a:cubicBezTo>
                    <a:cubicBezTo>
                      <a:pt x="21544" y="8889"/>
                      <a:pt x="21600" y="10177"/>
                      <a:pt x="21600" y="11852"/>
                    </a:cubicBezTo>
                    <a:lnTo>
                      <a:pt x="21600" y="21214"/>
                    </a:lnTo>
                    <a:lnTo>
                      <a:pt x="21027" y="21214"/>
                    </a:lnTo>
                    <a:lnTo>
                      <a:pt x="21027" y="12281"/>
                    </a:lnTo>
                    <a:cubicBezTo>
                      <a:pt x="21027" y="11594"/>
                      <a:pt x="21005" y="11036"/>
                      <a:pt x="20965" y="10650"/>
                    </a:cubicBezTo>
                    <a:cubicBezTo>
                      <a:pt x="20920" y="10263"/>
                      <a:pt x="20859" y="10048"/>
                      <a:pt x="20780" y="10048"/>
                    </a:cubicBezTo>
                    <a:cubicBezTo>
                      <a:pt x="20718" y="10048"/>
                      <a:pt x="20651" y="10177"/>
                      <a:pt x="20583" y="10478"/>
                    </a:cubicBezTo>
                    <a:cubicBezTo>
                      <a:pt x="20516" y="10736"/>
                      <a:pt x="20454" y="11122"/>
                      <a:pt x="20404" y="11551"/>
                    </a:cubicBezTo>
                    <a:lnTo>
                      <a:pt x="20404" y="21256"/>
                    </a:lnTo>
                    <a:close/>
                  </a:path>
                </a:pathLst>
              </a:custGeom>
              <a:solidFill>
                <a:srgbClr val="002033"/>
              </a:solidFill>
              <a:ln w="12700">
                <a:miter lim="400000"/>
              </a:ln>
            </p:spPr>
            <p:txBody>
              <a:bodyPr lIns="38100" tIns="38100" rIns="38100" bIns="38100" anchor="ctr"/>
              <a:lstStyle/>
              <a:p>
                <a:pPr>
                  <a:defRPr sz="3000">
                    <a:solidFill>
                      <a:srgbClr val="FFFFFF"/>
                    </a:solidFill>
                  </a:defRPr>
                </a:pPr>
                <a:endParaRPr/>
              </a:p>
            </p:txBody>
          </p:sp>
          <p:sp>
            <p:nvSpPr>
              <p:cNvPr id="32" name="Shape">
                <a:extLst>
                  <a:ext uri="{FF2B5EF4-FFF2-40B4-BE49-F238E27FC236}">
                    <a16:creationId xmlns:a16="http://schemas.microsoft.com/office/drawing/2014/main" id="{0289A039-CDE0-CE6C-46D3-ECDB687F6BD1}"/>
                  </a:ext>
                </a:extLst>
              </p:cNvPr>
              <p:cNvSpPr/>
              <p:nvPr userDrawn="1"/>
            </p:nvSpPr>
            <p:spPr>
              <a:xfrm>
                <a:off x="5032172" y="1021854"/>
                <a:ext cx="1051185" cy="549583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15954" y="0"/>
                    </a:moveTo>
                    <a:cubicBezTo>
                      <a:pt x="13287" y="0"/>
                      <a:pt x="11002" y="3514"/>
                      <a:pt x="10441" y="8443"/>
                    </a:cubicBezTo>
                    <a:cubicBezTo>
                      <a:pt x="9052" y="8229"/>
                      <a:pt x="6050" y="7757"/>
                      <a:pt x="5198" y="7671"/>
                    </a:cubicBezTo>
                    <a:cubicBezTo>
                      <a:pt x="5154" y="7671"/>
                      <a:pt x="5109" y="7671"/>
                      <a:pt x="5041" y="7671"/>
                    </a:cubicBezTo>
                    <a:cubicBezTo>
                      <a:pt x="4638" y="7671"/>
                      <a:pt x="4280" y="7886"/>
                      <a:pt x="4033" y="8357"/>
                    </a:cubicBezTo>
                    <a:cubicBezTo>
                      <a:pt x="3563" y="9214"/>
                      <a:pt x="3563" y="10457"/>
                      <a:pt x="3563" y="10843"/>
                    </a:cubicBezTo>
                    <a:cubicBezTo>
                      <a:pt x="3563" y="11271"/>
                      <a:pt x="3563" y="12514"/>
                      <a:pt x="4033" y="13329"/>
                    </a:cubicBezTo>
                    <a:cubicBezTo>
                      <a:pt x="4280" y="13800"/>
                      <a:pt x="4638" y="14014"/>
                      <a:pt x="5041" y="14014"/>
                    </a:cubicBezTo>
                    <a:cubicBezTo>
                      <a:pt x="5086" y="14014"/>
                      <a:pt x="5131" y="14014"/>
                      <a:pt x="5198" y="14014"/>
                    </a:cubicBezTo>
                    <a:cubicBezTo>
                      <a:pt x="5803" y="13929"/>
                      <a:pt x="7417" y="13714"/>
                      <a:pt x="8313" y="13543"/>
                    </a:cubicBezTo>
                    <a:lnTo>
                      <a:pt x="9657" y="13329"/>
                    </a:lnTo>
                    <a:cubicBezTo>
                      <a:pt x="9971" y="13286"/>
                      <a:pt x="10262" y="13243"/>
                      <a:pt x="10464" y="13200"/>
                    </a:cubicBezTo>
                    <a:cubicBezTo>
                      <a:pt x="11046" y="18043"/>
                      <a:pt x="13332" y="21557"/>
                      <a:pt x="15954" y="21557"/>
                    </a:cubicBezTo>
                    <a:cubicBezTo>
                      <a:pt x="19068" y="21557"/>
                      <a:pt x="21600" y="16714"/>
                      <a:pt x="21600" y="10757"/>
                    </a:cubicBezTo>
                    <a:cubicBezTo>
                      <a:pt x="21600" y="4843"/>
                      <a:pt x="19068" y="0"/>
                      <a:pt x="15954" y="0"/>
                    </a:cubicBezTo>
                    <a:close/>
                    <a:moveTo>
                      <a:pt x="15954" y="17229"/>
                    </a:moveTo>
                    <a:cubicBezTo>
                      <a:pt x="14094" y="17229"/>
                      <a:pt x="12593" y="14357"/>
                      <a:pt x="12593" y="10800"/>
                    </a:cubicBezTo>
                    <a:cubicBezTo>
                      <a:pt x="12593" y="7243"/>
                      <a:pt x="14094" y="4371"/>
                      <a:pt x="15954" y="4371"/>
                    </a:cubicBezTo>
                    <a:cubicBezTo>
                      <a:pt x="17813" y="4371"/>
                      <a:pt x="19315" y="7243"/>
                      <a:pt x="19315" y="10800"/>
                    </a:cubicBezTo>
                    <a:cubicBezTo>
                      <a:pt x="19315" y="14357"/>
                      <a:pt x="17813" y="17229"/>
                      <a:pt x="15954" y="17229"/>
                    </a:cubicBezTo>
                    <a:close/>
                    <a:moveTo>
                      <a:pt x="9007" y="15514"/>
                    </a:moveTo>
                    <a:lnTo>
                      <a:pt x="9007" y="20014"/>
                    </a:lnTo>
                    <a:cubicBezTo>
                      <a:pt x="8627" y="20443"/>
                      <a:pt x="8134" y="20786"/>
                      <a:pt x="7506" y="21129"/>
                    </a:cubicBezTo>
                    <a:cubicBezTo>
                      <a:pt x="6879" y="21429"/>
                      <a:pt x="6207" y="21600"/>
                      <a:pt x="5467" y="21600"/>
                    </a:cubicBezTo>
                    <a:cubicBezTo>
                      <a:pt x="4324" y="21600"/>
                      <a:pt x="3339" y="21171"/>
                      <a:pt x="2532" y="20271"/>
                    </a:cubicBezTo>
                    <a:cubicBezTo>
                      <a:pt x="1725" y="19371"/>
                      <a:pt x="1098" y="18129"/>
                      <a:pt x="650" y="16500"/>
                    </a:cubicBezTo>
                    <a:cubicBezTo>
                      <a:pt x="224" y="14871"/>
                      <a:pt x="0" y="12986"/>
                      <a:pt x="0" y="10800"/>
                    </a:cubicBezTo>
                    <a:cubicBezTo>
                      <a:pt x="0" y="8657"/>
                      <a:pt x="246" y="6729"/>
                      <a:pt x="717" y="5143"/>
                    </a:cubicBezTo>
                    <a:cubicBezTo>
                      <a:pt x="1210" y="3514"/>
                      <a:pt x="1860" y="2271"/>
                      <a:pt x="2711" y="1371"/>
                    </a:cubicBezTo>
                    <a:cubicBezTo>
                      <a:pt x="3563" y="471"/>
                      <a:pt x="4549" y="43"/>
                      <a:pt x="5646" y="43"/>
                    </a:cubicBezTo>
                    <a:cubicBezTo>
                      <a:pt x="6229" y="43"/>
                      <a:pt x="6767" y="171"/>
                      <a:pt x="7282" y="386"/>
                    </a:cubicBezTo>
                    <a:cubicBezTo>
                      <a:pt x="7798" y="600"/>
                      <a:pt x="8246" y="900"/>
                      <a:pt x="8627" y="1243"/>
                    </a:cubicBezTo>
                    <a:lnTo>
                      <a:pt x="8402" y="4843"/>
                    </a:lnTo>
                    <a:cubicBezTo>
                      <a:pt x="8022" y="4500"/>
                      <a:pt x="7596" y="4200"/>
                      <a:pt x="7125" y="3986"/>
                    </a:cubicBezTo>
                    <a:cubicBezTo>
                      <a:pt x="6655" y="3771"/>
                      <a:pt x="6162" y="3643"/>
                      <a:pt x="5624" y="3643"/>
                    </a:cubicBezTo>
                    <a:cubicBezTo>
                      <a:pt x="4817" y="3643"/>
                      <a:pt x="4168" y="3943"/>
                      <a:pt x="3630" y="4586"/>
                    </a:cubicBezTo>
                    <a:cubicBezTo>
                      <a:pt x="3115" y="5186"/>
                      <a:pt x="2734" y="6043"/>
                      <a:pt x="2487" y="7114"/>
                    </a:cubicBezTo>
                    <a:cubicBezTo>
                      <a:pt x="2241" y="8186"/>
                      <a:pt x="2106" y="9386"/>
                      <a:pt x="2106" y="10714"/>
                    </a:cubicBezTo>
                    <a:cubicBezTo>
                      <a:pt x="2106" y="12129"/>
                      <a:pt x="2241" y="13371"/>
                      <a:pt x="2487" y="14443"/>
                    </a:cubicBezTo>
                    <a:cubicBezTo>
                      <a:pt x="2734" y="15514"/>
                      <a:pt x="3115" y="16371"/>
                      <a:pt x="3607" y="17014"/>
                    </a:cubicBezTo>
                    <a:cubicBezTo>
                      <a:pt x="4100" y="17614"/>
                      <a:pt x="4728" y="17957"/>
                      <a:pt x="5490" y="17957"/>
                    </a:cubicBezTo>
                    <a:cubicBezTo>
                      <a:pt x="5714" y="17957"/>
                      <a:pt x="5960" y="17914"/>
                      <a:pt x="6207" y="17871"/>
                    </a:cubicBezTo>
                    <a:cubicBezTo>
                      <a:pt x="6453" y="17829"/>
                      <a:pt x="6722" y="17743"/>
                      <a:pt x="6968" y="17614"/>
                    </a:cubicBezTo>
                    <a:lnTo>
                      <a:pt x="6968" y="15814"/>
                    </a:lnTo>
                    <a:cubicBezTo>
                      <a:pt x="7439" y="15729"/>
                      <a:pt x="7887" y="15686"/>
                      <a:pt x="8246" y="15643"/>
                    </a:cubicBezTo>
                    <a:lnTo>
                      <a:pt x="9007" y="15514"/>
                    </a:lnTo>
                    <a:close/>
                  </a:path>
                </a:pathLst>
              </a:custGeom>
              <a:solidFill>
                <a:srgbClr val="008C58"/>
              </a:solidFill>
              <a:ln w="12700">
                <a:miter lim="400000"/>
              </a:ln>
            </p:spPr>
            <p:txBody>
              <a:bodyPr lIns="38100" tIns="38100" rIns="38100" bIns="38100" anchor="ctr"/>
              <a:lstStyle/>
              <a:p>
                <a:pPr>
                  <a:defRPr sz="3000">
                    <a:solidFill>
                      <a:srgbClr val="FFFFFF"/>
                    </a:solidFill>
                  </a:defRPr>
                </a:pPr>
                <a:endParaRPr dirty="0"/>
              </a:p>
            </p:txBody>
          </p:sp>
        </p:grpSp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id="{F601488E-8FFB-743B-7367-8F280AED5182}"/>
              </a:ext>
            </a:extLst>
          </p:cNvPr>
          <p:cNvGrpSpPr/>
          <p:nvPr userDrawn="1"/>
        </p:nvGrpSpPr>
        <p:grpSpPr>
          <a:xfrm>
            <a:off x="3763009" y="6404531"/>
            <a:ext cx="4665981" cy="354850"/>
            <a:chOff x="1714499" y="5181599"/>
            <a:chExt cx="4141472" cy="314961"/>
          </a:xfrm>
        </p:grpSpPr>
        <p:sp>
          <p:nvSpPr>
            <p:cNvPr id="13" name="Shape">
              <a:extLst>
                <a:ext uri="{FF2B5EF4-FFF2-40B4-BE49-F238E27FC236}">
                  <a16:creationId xmlns:a16="http://schemas.microsoft.com/office/drawing/2014/main" id="{7E1C58C8-01AA-AFF0-8E04-8F0DC8543C4A}"/>
                </a:ext>
              </a:extLst>
            </p:cNvPr>
            <p:cNvSpPr/>
            <p:nvPr userDrawn="1"/>
          </p:nvSpPr>
          <p:spPr>
            <a:xfrm>
              <a:off x="2603499" y="5181599"/>
              <a:ext cx="2494281" cy="31496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182" y="6358"/>
                  </a:moveTo>
                  <a:cubicBezTo>
                    <a:pt x="7138" y="5923"/>
                    <a:pt x="7072" y="5574"/>
                    <a:pt x="7006" y="5400"/>
                  </a:cubicBezTo>
                  <a:cubicBezTo>
                    <a:pt x="6940" y="5139"/>
                    <a:pt x="6863" y="5052"/>
                    <a:pt x="6775" y="5052"/>
                  </a:cubicBezTo>
                  <a:cubicBezTo>
                    <a:pt x="6676" y="5052"/>
                    <a:pt x="6588" y="5226"/>
                    <a:pt x="6511" y="5487"/>
                  </a:cubicBezTo>
                  <a:cubicBezTo>
                    <a:pt x="6434" y="5748"/>
                    <a:pt x="6368" y="6097"/>
                    <a:pt x="6302" y="6619"/>
                  </a:cubicBezTo>
                  <a:cubicBezTo>
                    <a:pt x="6236" y="7142"/>
                    <a:pt x="6203" y="7752"/>
                    <a:pt x="6170" y="8448"/>
                  </a:cubicBezTo>
                  <a:cubicBezTo>
                    <a:pt x="6137" y="9145"/>
                    <a:pt x="6126" y="9929"/>
                    <a:pt x="6126" y="10800"/>
                  </a:cubicBezTo>
                  <a:cubicBezTo>
                    <a:pt x="6126" y="11758"/>
                    <a:pt x="6148" y="12629"/>
                    <a:pt x="6181" y="13413"/>
                  </a:cubicBezTo>
                  <a:cubicBezTo>
                    <a:pt x="6214" y="14110"/>
                    <a:pt x="6269" y="14719"/>
                    <a:pt x="6335" y="15155"/>
                  </a:cubicBezTo>
                  <a:cubicBezTo>
                    <a:pt x="6401" y="15590"/>
                    <a:pt x="6478" y="15939"/>
                    <a:pt x="6555" y="16200"/>
                  </a:cubicBezTo>
                  <a:cubicBezTo>
                    <a:pt x="6643" y="16461"/>
                    <a:pt x="6731" y="16548"/>
                    <a:pt x="6830" y="16548"/>
                  </a:cubicBezTo>
                  <a:cubicBezTo>
                    <a:pt x="6918" y="16548"/>
                    <a:pt x="6995" y="16461"/>
                    <a:pt x="7061" y="16374"/>
                  </a:cubicBezTo>
                  <a:cubicBezTo>
                    <a:pt x="7138" y="16287"/>
                    <a:pt x="7204" y="16113"/>
                    <a:pt x="7259" y="15939"/>
                  </a:cubicBezTo>
                  <a:lnTo>
                    <a:pt x="7215" y="14719"/>
                  </a:lnTo>
                  <a:cubicBezTo>
                    <a:pt x="7149" y="14894"/>
                    <a:pt x="7094" y="15068"/>
                    <a:pt x="7028" y="15155"/>
                  </a:cubicBezTo>
                  <a:cubicBezTo>
                    <a:pt x="6973" y="15242"/>
                    <a:pt x="6907" y="15242"/>
                    <a:pt x="6841" y="15242"/>
                  </a:cubicBezTo>
                  <a:cubicBezTo>
                    <a:pt x="6687" y="15242"/>
                    <a:pt x="6566" y="14894"/>
                    <a:pt x="6478" y="14197"/>
                  </a:cubicBezTo>
                  <a:cubicBezTo>
                    <a:pt x="6390" y="13500"/>
                    <a:pt x="6346" y="12455"/>
                    <a:pt x="6346" y="11148"/>
                  </a:cubicBezTo>
                  <a:lnTo>
                    <a:pt x="6346" y="10974"/>
                  </a:lnTo>
                  <a:lnTo>
                    <a:pt x="7336" y="10974"/>
                  </a:lnTo>
                  <a:lnTo>
                    <a:pt x="7336" y="10016"/>
                  </a:lnTo>
                  <a:cubicBezTo>
                    <a:pt x="7336" y="9319"/>
                    <a:pt x="7325" y="8623"/>
                    <a:pt x="7292" y="8013"/>
                  </a:cubicBezTo>
                  <a:cubicBezTo>
                    <a:pt x="7270" y="7316"/>
                    <a:pt x="7237" y="6794"/>
                    <a:pt x="7182" y="6358"/>
                  </a:cubicBezTo>
                  <a:close/>
                  <a:moveTo>
                    <a:pt x="6346" y="9668"/>
                  </a:moveTo>
                  <a:cubicBezTo>
                    <a:pt x="6357" y="8623"/>
                    <a:pt x="6412" y="7839"/>
                    <a:pt x="6478" y="7229"/>
                  </a:cubicBezTo>
                  <a:cubicBezTo>
                    <a:pt x="6555" y="6619"/>
                    <a:pt x="6643" y="6358"/>
                    <a:pt x="6764" y="6358"/>
                  </a:cubicBezTo>
                  <a:cubicBezTo>
                    <a:pt x="6830" y="6358"/>
                    <a:pt x="6885" y="6445"/>
                    <a:pt x="6929" y="6619"/>
                  </a:cubicBezTo>
                  <a:cubicBezTo>
                    <a:pt x="6973" y="6794"/>
                    <a:pt x="7006" y="7055"/>
                    <a:pt x="7039" y="7316"/>
                  </a:cubicBezTo>
                  <a:cubicBezTo>
                    <a:pt x="7072" y="7577"/>
                    <a:pt x="7094" y="8013"/>
                    <a:pt x="7105" y="8361"/>
                  </a:cubicBezTo>
                  <a:cubicBezTo>
                    <a:pt x="7116" y="8797"/>
                    <a:pt x="7127" y="9145"/>
                    <a:pt x="7127" y="9581"/>
                  </a:cubicBezTo>
                  <a:lnTo>
                    <a:pt x="6346" y="9668"/>
                  </a:lnTo>
                  <a:close/>
                  <a:moveTo>
                    <a:pt x="4047" y="6358"/>
                  </a:moveTo>
                  <a:cubicBezTo>
                    <a:pt x="4003" y="5923"/>
                    <a:pt x="3937" y="5574"/>
                    <a:pt x="3871" y="5400"/>
                  </a:cubicBezTo>
                  <a:cubicBezTo>
                    <a:pt x="3805" y="5139"/>
                    <a:pt x="3728" y="5052"/>
                    <a:pt x="3640" y="5052"/>
                  </a:cubicBezTo>
                  <a:cubicBezTo>
                    <a:pt x="3541" y="5052"/>
                    <a:pt x="3453" y="5226"/>
                    <a:pt x="3376" y="5487"/>
                  </a:cubicBezTo>
                  <a:cubicBezTo>
                    <a:pt x="3299" y="5748"/>
                    <a:pt x="3233" y="6097"/>
                    <a:pt x="3167" y="6619"/>
                  </a:cubicBezTo>
                  <a:cubicBezTo>
                    <a:pt x="3101" y="7142"/>
                    <a:pt x="3068" y="7752"/>
                    <a:pt x="3035" y="8448"/>
                  </a:cubicBezTo>
                  <a:cubicBezTo>
                    <a:pt x="3002" y="9145"/>
                    <a:pt x="2991" y="9929"/>
                    <a:pt x="2991" y="10800"/>
                  </a:cubicBezTo>
                  <a:cubicBezTo>
                    <a:pt x="2991" y="11758"/>
                    <a:pt x="3013" y="12629"/>
                    <a:pt x="3046" y="13413"/>
                  </a:cubicBezTo>
                  <a:cubicBezTo>
                    <a:pt x="3079" y="14110"/>
                    <a:pt x="3134" y="14719"/>
                    <a:pt x="3200" y="15155"/>
                  </a:cubicBezTo>
                  <a:cubicBezTo>
                    <a:pt x="3266" y="15590"/>
                    <a:pt x="3343" y="15939"/>
                    <a:pt x="3420" y="16200"/>
                  </a:cubicBezTo>
                  <a:cubicBezTo>
                    <a:pt x="3508" y="16461"/>
                    <a:pt x="3596" y="16548"/>
                    <a:pt x="3695" y="16548"/>
                  </a:cubicBezTo>
                  <a:cubicBezTo>
                    <a:pt x="3783" y="16548"/>
                    <a:pt x="3860" y="16461"/>
                    <a:pt x="3926" y="16374"/>
                  </a:cubicBezTo>
                  <a:cubicBezTo>
                    <a:pt x="4003" y="16287"/>
                    <a:pt x="4069" y="16113"/>
                    <a:pt x="4124" y="15939"/>
                  </a:cubicBezTo>
                  <a:lnTo>
                    <a:pt x="4080" y="14719"/>
                  </a:lnTo>
                  <a:cubicBezTo>
                    <a:pt x="4014" y="14894"/>
                    <a:pt x="3959" y="15068"/>
                    <a:pt x="3893" y="15155"/>
                  </a:cubicBezTo>
                  <a:cubicBezTo>
                    <a:pt x="3838" y="15242"/>
                    <a:pt x="3772" y="15242"/>
                    <a:pt x="3706" y="15242"/>
                  </a:cubicBezTo>
                  <a:cubicBezTo>
                    <a:pt x="3552" y="15242"/>
                    <a:pt x="3431" y="14894"/>
                    <a:pt x="3343" y="14197"/>
                  </a:cubicBezTo>
                  <a:cubicBezTo>
                    <a:pt x="3255" y="13500"/>
                    <a:pt x="3211" y="12455"/>
                    <a:pt x="3211" y="11148"/>
                  </a:cubicBezTo>
                  <a:lnTo>
                    <a:pt x="3211" y="10974"/>
                  </a:lnTo>
                  <a:lnTo>
                    <a:pt x="4201" y="10974"/>
                  </a:lnTo>
                  <a:lnTo>
                    <a:pt x="4201" y="10016"/>
                  </a:lnTo>
                  <a:cubicBezTo>
                    <a:pt x="4201" y="9319"/>
                    <a:pt x="4190" y="8623"/>
                    <a:pt x="4157" y="8013"/>
                  </a:cubicBezTo>
                  <a:cubicBezTo>
                    <a:pt x="4135" y="7316"/>
                    <a:pt x="4102" y="6794"/>
                    <a:pt x="4047" y="6358"/>
                  </a:cubicBezTo>
                  <a:close/>
                  <a:moveTo>
                    <a:pt x="3211" y="9668"/>
                  </a:moveTo>
                  <a:cubicBezTo>
                    <a:pt x="3222" y="8623"/>
                    <a:pt x="3277" y="7839"/>
                    <a:pt x="3343" y="7229"/>
                  </a:cubicBezTo>
                  <a:cubicBezTo>
                    <a:pt x="3420" y="6619"/>
                    <a:pt x="3508" y="6358"/>
                    <a:pt x="3629" y="6358"/>
                  </a:cubicBezTo>
                  <a:cubicBezTo>
                    <a:pt x="3695" y="6358"/>
                    <a:pt x="3750" y="6445"/>
                    <a:pt x="3794" y="6619"/>
                  </a:cubicBezTo>
                  <a:cubicBezTo>
                    <a:pt x="3838" y="6794"/>
                    <a:pt x="3871" y="7055"/>
                    <a:pt x="3904" y="7316"/>
                  </a:cubicBezTo>
                  <a:cubicBezTo>
                    <a:pt x="3937" y="7577"/>
                    <a:pt x="3959" y="8013"/>
                    <a:pt x="3970" y="8361"/>
                  </a:cubicBezTo>
                  <a:cubicBezTo>
                    <a:pt x="3981" y="8797"/>
                    <a:pt x="3992" y="9145"/>
                    <a:pt x="3992" y="9581"/>
                  </a:cubicBezTo>
                  <a:lnTo>
                    <a:pt x="3211" y="9668"/>
                  </a:lnTo>
                  <a:close/>
                  <a:moveTo>
                    <a:pt x="5554" y="11235"/>
                  </a:moveTo>
                  <a:cubicBezTo>
                    <a:pt x="5620" y="11758"/>
                    <a:pt x="5653" y="12368"/>
                    <a:pt x="5653" y="13152"/>
                  </a:cubicBezTo>
                  <a:cubicBezTo>
                    <a:pt x="5653" y="14110"/>
                    <a:pt x="5609" y="14894"/>
                    <a:pt x="5521" y="15503"/>
                  </a:cubicBezTo>
                  <a:cubicBezTo>
                    <a:pt x="5433" y="16113"/>
                    <a:pt x="5301" y="16374"/>
                    <a:pt x="5136" y="16374"/>
                  </a:cubicBezTo>
                  <a:cubicBezTo>
                    <a:pt x="5048" y="16374"/>
                    <a:pt x="4960" y="16287"/>
                    <a:pt x="4894" y="16200"/>
                  </a:cubicBezTo>
                  <a:cubicBezTo>
                    <a:pt x="4817" y="16113"/>
                    <a:pt x="4751" y="15939"/>
                    <a:pt x="4696" y="15677"/>
                  </a:cubicBezTo>
                  <a:lnTo>
                    <a:pt x="4751" y="14371"/>
                  </a:lnTo>
                  <a:cubicBezTo>
                    <a:pt x="4806" y="14632"/>
                    <a:pt x="4861" y="14719"/>
                    <a:pt x="4927" y="14894"/>
                  </a:cubicBezTo>
                  <a:cubicBezTo>
                    <a:pt x="4993" y="14981"/>
                    <a:pt x="5059" y="15068"/>
                    <a:pt x="5125" y="15068"/>
                  </a:cubicBezTo>
                  <a:cubicBezTo>
                    <a:pt x="5224" y="15068"/>
                    <a:pt x="5301" y="14894"/>
                    <a:pt x="5356" y="14632"/>
                  </a:cubicBezTo>
                  <a:cubicBezTo>
                    <a:pt x="5411" y="14371"/>
                    <a:pt x="5444" y="13848"/>
                    <a:pt x="5444" y="13326"/>
                  </a:cubicBezTo>
                  <a:cubicBezTo>
                    <a:pt x="5444" y="12803"/>
                    <a:pt x="5422" y="12455"/>
                    <a:pt x="5378" y="12106"/>
                  </a:cubicBezTo>
                  <a:cubicBezTo>
                    <a:pt x="5334" y="11845"/>
                    <a:pt x="5257" y="11584"/>
                    <a:pt x="5169" y="11323"/>
                  </a:cubicBezTo>
                  <a:lnTo>
                    <a:pt x="5070" y="11061"/>
                  </a:lnTo>
                  <a:cubicBezTo>
                    <a:pt x="4949" y="10713"/>
                    <a:pt x="4861" y="10365"/>
                    <a:pt x="4795" y="9842"/>
                  </a:cubicBezTo>
                  <a:cubicBezTo>
                    <a:pt x="4729" y="9319"/>
                    <a:pt x="4707" y="8797"/>
                    <a:pt x="4707" y="8013"/>
                  </a:cubicBezTo>
                  <a:cubicBezTo>
                    <a:pt x="4707" y="7577"/>
                    <a:pt x="4718" y="7142"/>
                    <a:pt x="4740" y="6794"/>
                  </a:cubicBezTo>
                  <a:cubicBezTo>
                    <a:pt x="4762" y="6445"/>
                    <a:pt x="4795" y="6097"/>
                    <a:pt x="4839" y="5836"/>
                  </a:cubicBezTo>
                  <a:cubicBezTo>
                    <a:pt x="4883" y="5574"/>
                    <a:pt x="4938" y="5400"/>
                    <a:pt x="4993" y="5226"/>
                  </a:cubicBezTo>
                  <a:cubicBezTo>
                    <a:pt x="5048" y="5052"/>
                    <a:pt x="5114" y="4965"/>
                    <a:pt x="5191" y="4965"/>
                  </a:cubicBezTo>
                  <a:cubicBezTo>
                    <a:pt x="5257" y="4965"/>
                    <a:pt x="5323" y="5052"/>
                    <a:pt x="5400" y="5139"/>
                  </a:cubicBezTo>
                  <a:cubicBezTo>
                    <a:pt x="5477" y="5226"/>
                    <a:pt x="5532" y="5400"/>
                    <a:pt x="5598" y="5574"/>
                  </a:cubicBezTo>
                  <a:lnTo>
                    <a:pt x="5532" y="6968"/>
                  </a:lnTo>
                  <a:cubicBezTo>
                    <a:pt x="5477" y="6706"/>
                    <a:pt x="5422" y="6619"/>
                    <a:pt x="5367" y="6532"/>
                  </a:cubicBezTo>
                  <a:cubicBezTo>
                    <a:pt x="5312" y="6445"/>
                    <a:pt x="5257" y="6358"/>
                    <a:pt x="5202" y="6358"/>
                  </a:cubicBezTo>
                  <a:cubicBezTo>
                    <a:pt x="5103" y="6358"/>
                    <a:pt x="5026" y="6532"/>
                    <a:pt x="4982" y="6794"/>
                  </a:cubicBezTo>
                  <a:cubicBezTo>
                    <a:pt x="4938" y="7142"/>
                    <a:pt x="4905" y="7490"/>
                    <a:pt x="4905" y="8013"/>
                  </a:cubicBezTo>
                  <a:cubicBezTo>
                    <a:pt x="4905" y="8448"/>
                    <a:pt x="4927" y="8797"/>
                    <a:pt x="4960" y="9058"/>
                  </a:cubicBezTo>
                  <a:cubicBezTo>
                    <a:pt x="4993" y="9319"/>
                    <a:pt x="5070" y="9581"/>
                    <a:pt x="5180" y="9842"/>
                  </a:cubicBezTo>
                  <a:lnTo>
                    <a:pt x="5268" y="10016"/>
                  </a:lnTo>
                  <a:cubicBezTo>
                    <a:pt x="5400" y="10365"/>
                    <a:pt x="5488" y="10800"/>
                    <a:pt x="5554" y="11235"/>
                  </a:cubicBezTo>
                  <a:close/>
                  <a:moveTo>
                    <a:pt x="1056" y="6445"/>
                  </a:moveTo>
                  <a:cubicBezTo>
                    <a:pt x="1001" y="6010"/>
                    <a:pt x="946" y="5661"/>
                    <a:pt x="869" y="5400"/>
                  </a:cubicBezTo>
                  <a:cubicBezTo>
                    <a:pt x="792" y="5139"/>
                    <a:pt x="715" y="5052"/>
                    <a:pt x="627" y="5052"/>
                  </a:cubicBezTo>
                  <a:cubicBezTo>
                    <a:pt x="528" y="5052"/>
                    <a:pt x="451" y="5226"/>
                    <a:pt x="385" y="5487"/>
                  </a:cubicBezTo>
                  <a:cubicBezTo>
                    <a:pt x="319" y="5748"/>
                    <a:pt x="253" y="6097"/>
                    <a:pt x="209" y="6445"/>
                  </a:cubicBezTo>
                  <a:lnTo>
                    <a:pt x="176" y="5052"/>
                  </a:lnTo>
                  <a:lnTo>
                    <a:pt x="0" y="5052"/>
                  </a:lnTo>
                  <a:lnTo>
                    <a:pt x="0" y="21600"/>
                  </a:lnTo>
                  <a:lnTo>
                    <a:pt x="209" y="21600"/>
                  </a:lnTo>
                  <a:lnTo>
                    <a:pt x="209" y="15677"/>
                  </a:lnTo>
                  <a:cubicBezTo>
                    <a:pt x="253" y="15939"/>
                    <a:pt x="297" y="16113"/>
                    <a:pt x="363" y="16200"/>
                  </a:cubicBezTo>
                  <a:cubicBezTo>
                    <a:pt x="418" y="16374"/>
                    <a:pt x="484" y="16374"/>
                    <a:pt x="550" y="16374"/>
                  </a:cubicBezTo>
                  <a:cubicBezTo>
                    <a:pt x="638" y="16374"/>
                    <a:pt x="715" y="16287"/>
                    <a:pt x="803" y="16026"/>
                  </a:cubicBezTo>
                  <a:cubicBezTo>
                    <a:pt x="880" y="15765"/>
                    <a:pt x="957" y="15416"/>
                    <a:pt x="1023" y="14894"/>
                  </a:cubicBezTo>
                  <a:cubicBezTo>
                    <a:pt x="1089" y="14371"/>
                    <a:pt x="1133" y="13761"/>
                    <a:pt x="1177" y="13065"/>
                  </a:cubicBezTo>
                  <a:cubicBezTo>
                    <a:pt x="1210" y="12281"/>
                    <a:pt x="1232" y="11410"/>
                    <a:pt x="1232" y="10365"/>
                  </a:cubicBezTo>
                  <a:cubicBezTo>
                    <a:pt x="1232" y="9494"/>
                    <a:pt x="1221" y="8710"/>
                    <a:pt x="1188" y="8100"/>
                  </a:cubicBezTo>
                  <a:cubicBezTo>
                    <a:pt x="1155" y="7490"/>
                    <a:pt x="1111" y="6968"/>
                    <a:pt x="1056" y="6445"/>
                  </a:cubicBezTo>
                  <a:close/>
                  <a:moveTo>
                    <a:pt x="968" y="12629"/>
                  </a:moveTo>
                  <a:cubicBezTo>
                    <a:pt x="935" y="13239"/>
                    <a:pt x="902" y="13674"/>
                    <a:pt x="858" y="14110"/>
                  </a:cubicBezTo>
                  <a:cubicBezTo>
                    <a:pt x="814" y="14458"/>
                    <a:pt x="759" y="14719"/>
                    <a:pt x="704" y="14894"/>
                  </a:cubicBezTo>
                  <a:cubicBezTo>
                    <a:pt x="649" y="15068"/>
                    <a:pt x="583" y="15155"/>
                    <a:pt x="528" y="15155"/>
                  </a:cubicBezTo>
                  <a:cubicBezTo>
                    <a:pt x="473" y="15155"/>
                    <a:pt x="418" y="15068"/>
                    <a:pt x="374" y="14981"/>
                  </a:cubicBezTo>
                  <a:cubicBezTo>
                    <a:pt x="319" y="14894"/>
                    <a:pt x="275" y="14632"/>
                    <a:pt x="231" y="14371"/>
                  </a:cubicBezTo>
                  <a:lnTo>
                    <a:pt x="231" y="7926"/>
                  </a:lnTo>
                  <a:cubicBezTo>
                    <a:pt x="242" y="7752"/>
                    <a:pt x="264" y="7577"/>
                    <a:pt x="297" y="7403"/>
                  </a:cubicBezTo>
                  <a:cubicBezTo>
                    <a:pt x="319" y="7229"/>
                    <a:pt x="352" y="7055"/>
                    <a:pt x="385" y="6881"/>
                  </a:cubicBezTo>
                  <a:cubicBezTo>
                    <a:pt x="418" y="6706"/>
                    <a:pt x="451" y="6619"/>
                    <a:pt x="495" y="6532"/>
                  </a:cubicBezTo>
                  <a:cubicBezTo>
                    <a:pt x="528" y="6445"/>
                    <a:pt x="572" y="6358"/>
                    <a:pt x="616" y="6358"/>
                  </a:cubicBezTo>
                  <a:cubicBezTo>
                    <a:pt x="759" y="6358"/>
                    <a:pt x="869" y="6706"/>
                    <a:pt x="935" y="7403"/>
                  </a:cubicBezTo>
                  <a:cubicBezTo>
                    <a:pt x="1001" y="8100"/>
                    <a:pt x="1034" y="9145"/>
                    <a:pt x="1034" y="10364"/>
                  </a:cubicBezTo>
                  <a:cubicBezTo>
                    <a:pt x="1001" y="11323"/>
                    <a:pt x="990" y="12106"/>
                    <a:pt x="968" y="12629"/>
                  </a:cubicBezTo>
                  <a:close/>
                  <a:moveTo>
                    <a:pt x="21556" y="8187"/>
                  </a:moveTo>
                  <a:cubicBezTo>
                    <a:pt x="21523" y="7490"/>
                    <a:pt x="21479" y="6881"/>
                    <a:pt x="21424" y="6445"/>
                  </a:cubicBezTo>
                  <a:cubicBezTo>
                    <a:pt x="21369" y="6010"/>
                    <a:pt x="21303" y="5661"/>
                    <a:pt x="21215" y="5400"/>
                  </a:cubicBezTo>
                  <a:cubicBezTo>
                    <a:pt x="21127" y="5139"/>
                    <a:pt x="21050" y="5052"/>
                    <a:pt x="20962" y="5052"/>
                  </a:cubicBezTo>
                  <a:cubicBezTo>
                    <a:pt x="20874" y="5052"/>
                    <a:pt x="20786" y="5139"/>
                    <a:pt x="20698" y="5400"/>
                  </a:cubicBezTo>
                  <a:cubicBezTo>
                    <a:pt x="20621" y="5661"/>
                    <a:pt x="20544" y="6010"/>
                    <a:pt x="20489" y="6532"/>
                  </a:cubicBezTo>
                  <a:cubicBezTo>
                    <a:pt x="20434" y="7055"/>
                    <a:pt x="20379" y="7664"/>
                    <a:pt x="20346" y="8361"/>
                  </a:cubicBezTo>
                  <a:cubicBezTo>
                    <a:pt x="20313" y="9058"/>
                    <a:pt x="20291" y="9929"/>
                    <a:pt x="20291" y="10800"/>
                  </a:cubicBezTo>
                  <a:cubicBezTo>
                    <a:pt x="20291" y="11671"/>
                    <a:pt x="20313" y="12542"/>
                    <a:pt x="20346" y="13239"/>
                  </a:cubicBezTo>
                  <a:cubicBezTo>
                    <a:pt x="20379" y="13935"/>
                    <a:pt x="20423" y="14545"/>
                    <a:pt x="20478" y="14981"/>
                  </a:cubicBezTo>
                  <a:cubicBezTo>
                    <a:pt x="20533" y="15416"/>
                    <a:pt x="20599" y="15852"/>
                    <a:pt x="20687" y="16026"/>
                  </a:cubicBezTo>
                  <a:cubicBezTo>
                    <a:pt x="20764" y="16287"/>
                    <a:pt x="20852" y="16374"/>
                    <a:pt x="20940" y="16374"/>
                  </a:cubicBezTo>
                  <a:cubicBezTo>
                    <a:pt x="21028" y="16374"/>
                    <a:pt x="21116" y="16287"/>
                    <a:pt x="21193" y="16026"/>
                  </a:cubicBezTo>
                  <a:cubicBezTo>
                    <a:pt x="21270" y="15765"/>
                    <a:pt x="21347" y="15416"/>
                    <a:pt x="21402" y="14894"/>
                  </a:cubicBezTo>
                  <a:cubicBezTo>
                    <a:pt x="21457" y="14371"/>
                    <a:pt x="21512" y="13761"/>
                    <a:pt x="21545" y="13064"/>
                  </a:cubicBezTo>
                  <a:cubicBezTo>
                    <a:pt x="21578" y="12368"/>
                    <a:pt x="21600" y="11497"/>
                    <a:pt x="21600" y="10626"/>
                  </a:cubicBezTo>
                  <a:cubicBezTo>
                    <a:pt x="21600" y="9668"/>
                    <a:pt x="21589" y="8884"/>
                    <a:pt x="21556" y="8187"/>
                  </a:cubicBezTo>
                  <a:close/>
                  <a:moveTo>
                    <a:pt x="21347" y="12803"/>
                  </a:moveTo>
                  <a:cubicBezTo>
                    <a:pt x="21325" y="13326"/>
                    <a:pt x="21292" y="13848"/>
                    <a:pt x="21248" y="14197"/>
                  </a:cubicBezTo>
                  <a:cubicBezTo>
                    <a:pt x="21204" y="14545"/>
                    <a:pt x="21160" y="14806"/>
                    <a:pt x="21105" y="14981"/>
                  </a:cubicBezTo>
                  <a:cubicBezTo>
                    <a:pt x="21050" y="15155"/>
                    <a:pt x="20995" y="15242"/>
                    <a:pt x="20940" y="15242"/>
                  </a:cubicBezTo>
                  <a:cubicBezTo>
                    <a:pt x="20885" y="15242"/>
                    <a:pt x="20830" y="15155"/>
                    <a:pt x="20775" y="14981"/>
                  </a:cubicBezTo>
                  <a:cubicBezTo>
                    <a:pt x="20720" y="14806"/>
                    <a:pt x="20676" y="14545"/>
                    <a:pt x="20632" y="14197"/>
                  </a:cubicBezTo>
                  <a:cubicBezTo>
                    <a:pt x="20588" y="13848"/>
                    <a:pt x="20555" y="13413"/>
                    <a:pt x="20533" y="12803"/>
                  </a:cubicBezTo>
                  <a:cubicBezTo>
                    <a:pt x="20511" y="12281"/>
                    <a:pt x="20500" y="11584"/>
                    <a:pt x="20500" y="10800"/>
                  </a:cubicBezTo>
                  <a:cubicBezTo>
                    <a:pt x="20500" y="10016"/>
                    <a:pt x="20511" y="9319"/>
                    <a:pt x="20533" y="8797"/>
                  </a:cubicBezTo>
                  <a:cubicBezTo>
                    <a:pt x="20555" y="8274"/>
                    <a:pt x="20588" y="7752"/>
                    <a:pt x="20632" y="7490"/>
                  </a:cubicBezTo>
                  <a:cubicBezTo>
                    <a:pt x="20676" y="7142"/>
                    <a:pt x="20720" y="6881"/>
                    <a:pt x="20775" y="6706"/>
                  </a:cubicBezTo>
                  <a:cubicBezTo>
                    <a:pt x="20830" y="6532"/>
                    <a:pt x="20885" y="6445"/>
                    <a:pt x="20940" y="6445"/>
                  </a:cubicBezTo>
                  <a:cubicBezTo>
                    <a:pt x="20995" y="6445"/>
                    <a:pt x="21050" y="6532"/>
                    <a:pt x="21105" y="6706"/>
                  </a:cubicBezTo>
                  <a:cubicBezTo>
                    <a:pt x="21160" y="6881"/>
                    <a:pt x="21204" y="7142"/>
                    <a:pt x="21248" y="7490"/>
                  </a:cubicBezTo>
                  <a:cubicBezTo>
                    <a:pt x="21292" y="7839"/>
                    <a:pt x="21325" y="8274"/>
                    <a:pt x="21347" y="8884"/>
                  </a:cubicBezTo>
                  <a:cubicBezTo>
                    <a:pt x="21369" y="9406"/>
                    <a:pt x="21380" y="10103"/>
                    <a:pt x="21380" y="10887"/>
                  </a:cubicBezTo>
                  <a:cubicBezTo>
                    <a:pt x="21391" y="11584"/>
                    <a:pt x="21369" y="12281"/>
                    <a:pt x="21347" y="12803"/>
                  </a:cubicBezTo>
                  <a:close/>
                  <a:moveTo>
                    <a:pt x="2563" y="5139"/>
                  </a:moveTo>
                  <a:cubicBezTo>
                    <a:pt x="2596" y="5226"/>
                    <a:pt x="2629" y="5313"/>
                    <a:pt x="2651" y="5313"/>
                  </a:cubicBezTo>
                  <a:lnTo>
                    <a:pt x="2618" y="6794"/>
                  </a:lnTo>
                  <a:cubicBezTo>
                    <a:pt x="2596" y="6706"/>
                    <a:pt x="2563" y="6619"/>
                    <a:pt x="2541" y="6532"/>
                  </a:cubicBezTo>
                  <a:cubicBezTo>
                    <a:pt x="2508" y="6445"/>
                    <a:pt x="2475" y="6445"/>
                    <a:pt x="2442" y="6445"/>
                  </a:cubicBezTo>
                  <a:cubicBezTo>
                    <a:pt x="2387" y="6445"/>
                    <a:pt x="2332" y="6532"/>
                    <a:pt x="2277" y="6706"/>
                  </a:cubicBezTo>
                  <a:cubicBezTo>
                    <a:pt x="2233" y="6881"/>
                    <a:pt x="2189" y="7142"/>
                    <a:pt x="2145" y="7403"/>
                  </a:cubicBezTo>
                  <a:cubicBezTo>
                    <a:pt x="2112" y="7752"/>
                    <a:pt x="2079" y="8100"/>
                    <a:pt x="2057" y="8623"/>
                  </a:cubicBezTo>
                  <a:cubicBezTo>
                    <a:pt x="2035" y="9145"/>
                    <a:pt x="2024" y="9668"/>
                    <a:pt x="2024" y="10277"/>
                  </a:cubicBezTo>
                  <a:lnTo>
                    <a:pt x="2024" y="16200"/>
                  </a:lnTo>
                  <a:lnTo>
                    <a:pt x="1815" y="16200"/>
                  </a:lnTo>
                  <a:lnTo>
                    <a:pt x="1815" y="5226"/>
                  </a:lnTo>
                  <a:lnTo>
                    <a:pt x="1958" y="5226"/>
                  </a:lnTo>
                  <a:lnTo>
                    <a:pt x="1991" y="7403"/>
                  </a:lnTo>
                  <a:cubicBezTo>
                    <a:pt x="2024" y="6706"/>
                    <a:pt x="2079" y="6097"/>
                    <a:pt x="2156" y="5661"/>
                  </a:cubicBezTo>
                  <a:cubicBezTo>
                    <a:pt x="2233" y="5226"/>
                    <a:pt x="2321" y="5052"/>
                    <a:pt x="2420" y="5052"/>
                  </a:cubicBezTo>
                  <a:cubicBezTo>
                    <a:pt x="2486" y="5052"/>
                    <a:pt x="2519" y="5139"/>
                    <a:pt x="2563" y="5139"/>
                  </a:cubicBezTo>
                  <a:close/>
                  <a:moveTo>
                    <a:pt x="19235" y="5139"/>
                  </a:moveTo>
                  <a:cubicBezTo>
                    <a:pt x="19213" y="5139"/>
                    <a:pt x="19180" y="5052"/>
                    <a:pt x="19147" y="5052"/>
                  </a:cubicBezTo>
                  <a:cubicBezTo>
                    <a:pt x="19070" y="5052"/>
                    <a:pt x="18993" y="5139"/>
                    <a:pt x="18927" y="5313"/>
                  </a:cubicBezTo>
                  <a:cubicBezTo>
                    <a:pt x="18862" y="5487"/>
                    <a:pt x="18796" y="5748"/>
                    <a:pt x="18752" y="6010"/>
                  </a:cubicBezTo>
                  <a:cubicBezTo>
                    <a:pt x="18708" y="6271"/>
                    <a:pt x="18664" y="6706"/>
                    <a:pt x="18642" y="7229"/>
                  </a:cubicBezTo>
                  <a:cubicBezTo>
                    <a:pt x="18609" y="7664"/>
                    <a:pt x="18598" y="8274"/>
                    <a:pt x="18598" y="8884"/>
                  </a:cubicBezTo>
                  <a:cubicBezTo>
                    <a:pt x="18598" y="9755"/>
                    <a:pt x="18620" y="10452"/>
                    <a:pt x="18675" y="10974"/>
                  </a:cubicBezTo>
                  <a:cubicBezTo>
                    <a:pt x="18730" y="11497"/>
                    <a:pt x="18785" y="11932"/>
                    <a:pt x="18851" y="12194"/>
                  </a:cubicBezTo>
                  <a:cubicBezTo>
                    <a:pt x="18796" y="12368"/>
                    <a:pt x="18752" y="12629"/>
                    <a:pt x="18708" y="12977"/>
                  </a:cubicBezTo>
                  <a:cubicBezTo>
                    <a:pt x="18675" y="13326"/>
                    <a:pt x="18653" y="13761"/>
                    <a:pt x="18653" y="14197"/>
                  </a:cubicBezTo>
                  <a:cubicBezTo>
                    <a:pt x="18653" y="14632"/>
                    <a:pt x="18664" y="14893"/>
                    <a:pt x="18686" y="15155"/>
                  </a:cubicBezTo>
                  <a:cubicBezTo>
                    <a:pt x="18708" y="15416"/>
                    <a:pt x="18730" y="15590"/>
                    <a:pt x="18774" y="15764"/>
                  </a:cubicBezTo>
                  <a:cubicBezTo>
                    <a:pt x="18697" y="16026"/>
                    <a:pt x="18631" y="16287"/>
                    <a:pt x="18587" y="16635"/>
                  </a:cubicBezTo>
                  <a:cubicBezTo>
                    <a:pt x="18543" y="16984"/>
                    <a:pt x="18521" y="17506"/>
                    <a:pt x="18521" y="18116"/>
                  </a:cubicBezTo>
                  <a:cubicBezTo>
                    <a:pt x="18521" y="19161"/>
                    <a:pt x="18576" y="20032"/>
                    <a:pt x="18697" y="20642"/>
                  </a:cubicBezTo>
                  <a:cubicBezTo>
                    <a:pt x="18818" y="21252"/>
                    <a:pt x="18971" y="21513"/>
                    <a:pt x="19169" y="21513"/>
                  </a:cubicBezTo>
                  <a:cubicBezTo>
                    <a:pt x="19389" y="21513"/>
                    <a:pt x="19554" y="21164"/>
                    <a:pt x="19686" y="20468"/>
                  </a:cubicBezTo>
                  <a:cubicBezTo>
                    <a:pt x="19807" y="19771"/>
                    <a:pt x="19873" y="18900"/>
                    <a:pt x="19873" y="17681"/>
                  </a:cubicBezTo>
                  <a:cubicBezTo>
                    <a:pt x="19873" y="16810"/>
                    <a:pt x="19829" y="16113"/>
                    <a:pt x="19752" y="15590"/>
                  </a:cubicBezTo>
                  <a:cubicBezTo>
                    <a:pt x="19675" y="15068"/>
                    <a:pt x="19554" y="14806"/>
                    <a:pt x="19400" y="14806"/>
                  </a:cubicBezTo>
                  <a:lnTo>
                    <a:pt x="19037" y="14806"/>
                  </a:lnTo>
                  <a:cubicBezTo>
                    <a:pt x="18982" y="14806"/>
                    <a:pt x="18938" y="14719"/>
                    <a:pt x="18905" y="14545"/>
                  </a:cubicBezTo>
                  <a:cubicBezTo>
                    <a:pt x="18873" y="14371"/>
                    <a:pt x="18851" y="14110"/>
                    <a:pt x="18851" y="13761"/>
                  </a:cubicBezTo>
                  <a:cubicBezTo>
                    <a:pt x="18851" y="13500"/>
                    <a:pt x="18862" y="13239"/>
                    <a:pt x="18884" y="12977"/>
                  </a:cubicBezTo>
                  <a:cubicBezTo>
                    <a:pt x="18905" y="12716"/>
                    <a:pt x="18938" y="12542"/>
                    <a:pt x="18993" y="12455"/>
                  </a:cubicBezTo>
                  <a:cubicBezTo>
                    <a:pt x="19026" y="12455"/>
                    <a:pt x="19048" y="12542"/>
                    <a:pt x="19070" y="12542"/>
                  </a:cubicBezTo>
                  <a:cubicBezTo>
                    <a:pt x="19092" y="12542"/>
                    <a:pt x="19125" y="12542"/>
                    <a:pt x="19147" y="12542"/>
                  </a:cubicBezTo>
                  <a:cubicBezTo>
                    <a:pt x="19224" y="12542"/>
                    <a:pt x="19301" y="12455"/>
                    <a:pt x="19367" y="12281"/>
                  </a:cubicBezTo>
                  <a:cubicBezTo>
                    <a:pt x="19433" y="12106"/>
                    <a:pt x="19488" y="11845"/>
                    <a:pt x="19543" y="11584"/>
                  </a:cubicBezTo>
                  <a:cubicBezTo>
                    <a:pt x="19587" y="11235"/>
                    <a:pt x="19631" y="10887"/>
                    <a:pt x="19653" y="10365"/>
                  </a:cubicBezTo>
                  <a:cubicBezTo>
                    <a:pt x="19686" y="9929"/>
                    <a:pt x="19697" y="9319"/>
                    <a:pt x="19697" y="8710"/>
                  </a:cubicBezTo>
                  <a:cubicBezTo>
                    <a:pt x="19697" y="8187"/>
                    <a:pt x="19686" y="7665"/>
                    <a:pt x="19653" y="7229"/>
                  </a:cubicBezTo>
                  <a:cubicBezTo>
                    <a:pt x="19620" y="6794"/>
                    <a:pt x="19587" y="6358"/>
                    <a:pt x="19532" y="6097"/>
                  </a:cubicBezTo>
                  <a:lnTo>
                    <a:pt x="19785" y="6271"/>
                  </a:lnTo>
                  <a:lnTo>
                    <a:pt x="19917" y="6271"/>
                  </a:lnTo>
                  <a:lnTo>
                    <a:pt x="19917" y="5226"/>
                  </a:lnTo>
                  <a:lnTo>
                    <a:pt x="19323" y="5226"/>
                  </a:lnTo>
                  <a:cubicBezTo>
                    <a:pt x="19290" y="5226"/>
                    <a:pt x="19257" y="5139"/>
                    <a:pt x="19235" y="5139"/>
                  </a:cubicBezTo>
                  <a:close/>
                  <a:moveTo>
                    <a:pt x="18884" y="16200"/>
                  </a:moveTo>
                  <a:lnTo>
                    <a:pt x="19301" y="16200"/>
                  </a:lnTo>
                  <a:cubicBezTo>
                    <a:pt x="19345" y="16200"/>
                    <a:pt x="19400" y="16200"/>
                    <a:pt x="19433" y="16287"/>
                  </a:cubicBezTo>
                  <a:cubicBezTo>
                    <a:pt x="19466" y="16374"/>
                    <a:pt x="19510" y="16461"/>
                    <a:pt x="19543" y="16548"/>
                  </a:cubicBezTo>
                  <a:cubicBezTo>
                    <a:pt x="19576" y="16723"/>
                    <a:pt x="19598" y="16897"/>
                    <a:pt x="19609" y="17071"/>
                  </a:cubicBezTo>
                  <a:cubicBezTo>
                    <a:pt x="19631" y="17332"/>
                    <a:pt x="19631" y="17594"/>
                    <a:pt x="19631" y="17942"/>
                  </a:cubicBezTo>
                  <a:cubicBezTo>
                    <a:pt x="19631" y="18203"/>
                    <a:pt x="19620" y="18465"/>
                    <a:pt x="19609" y="18813"/>
                  </a:cubicBezTo>
                  <a:cubicBezTo>
                    <a:pt x="19587" y="19074"/>
                    <a:pt x="19565" y="19336"/>
                    <a:pt x="19521" y="19597"/>
                  </a:cubicBezTo>
                  <a:cubicBezTo>
                    <a:pt x="19477" y="19858"/>
                    <a:pt x="19433" y="20032"/>
                    <a:pt x="19367" y="20119"/>
                  </a:cubicBezTo>
                  <a:cubicBezTo>
                    <a:pt x="19301" y="20206"/>
                    <a:pt x="19235" y="20294"/>
                    <a:pt x="19147" y="20294"/>
                  </a:cubicBezTo>
                  <a:cubicBezTo>
                    <a:pt x="19004" y="20294"/>
                    <a:pt x="18895" y="20119"/>
                    <a:pt x="18818" y="19684"/>
                  </a:cubicBezTo>
                  <a:cubicBezTo>
                    <a:pt x="18741" y="19336"/>
                    <a:pt x="18697" y="18726"/>
                    <a:pt x="18697" y="17942"/>
                  </a:cubicBezTo>
                  <a:cubicBezTo>
                    <a:pt x="18697" y="17506"/>
                    <a:pt x="18708" y="17158"/>
                    <a:pt x="18741" y="16897"/>
                  </a:cubicBezTo>
                  <a:cubicBezTo>
                    <a:pt x="18796" y="16635"/>
                    <a:pt x="18829" y="16374"/>
                    <a:pt x="18884" y="16200"/>
                  </a:cubicBezTo>
                  <a:close/>
                  <a:moveTo>
                    <a:pt x="19477" y="8884"/>
                  </a:moveTo>
                  <a:cubicBezTo>
                    <a:pt x="19477" y="9755"/>
                    <a:pt x="19444" y="10365"/>
                    <a:pt x="19389" y="10800"/>
                  </a:cubicBezTo>
                  <a:cubicBezTo>
                    <a:pt x="19334" y="11236"/>
                    <a:pt x="19246" y="11410"/>
                    <a:pt x="19147" y="11410"/>
                  </a:cubicBezTo>
                  <a:cubicBezTo>
                    <a:pt x="19048" y="11410"/>
                    <a:pt x="18971" y="11236"/>
                    <a:pt x="18905" y="10800"/>
                  </a:cubicBezTo>
                  <a:cubicBezTo>
                    <a:pt x="18840" y="10365"/>
                    <a:pt x="18807" y="9668"/>
                    <a:pt x="18807" y="8797"/>
                  </a:cubicBezTo>
                  <a:cubicBezTo>
                    <a:pt x="18807" y="7926"/>
                    <a:pt x="18840" y="7316"/>
                    <a:pt x="18905" y="6881"/>
                  </a:cubicBezTo>
                  <a:cubicBezTo>
                    <a:pt x="18971" y="6445"/>
                    <a:pt x="19048" y="6271"/>
                    <a:pt x="19158" y="6271"/>
                  </a:cubicBezTo>
                  <a:cubicBezTo>
                    <a:pt x="19257" y="6271"/>
                    <a:pt x="19334" y="6532"/>
                    <a:pt x="19400" y="6968"/>
                  </a:cubicBezTo>
                  <a:cubicBezTo>
                    <a:pt x="19444" y="7403"/>
                    <a:pt x="19477" y="8013"/>
                    <a:pt x="19477" y="8884"/>
                  </a:cubicBezTo>
                  <a:close/>
                  <a:moveTo>
                    <a:pt x="14319" y="435"/>
                  </a:moveTo>
                  <a:cubicBezTo>
                    <a:pt x="14352" y="610"/>
                    <a:pt x="14363" y="871"/>
                    <a:pt x="14363" y="1219"/>
                  </a:cubicBezTo>
                  <a:cubicBezTo>
                    <a:pt x="14363" y="1568"/>
                    <a:pt x="14352" y="1829"/>
                    <a:pt x="14319" y="2003"/>
                  </a:cubicBezTo>
                  <a:cubicBezTo>
                    <a:pt x="14286" y="2177"/>
                    <a:pt x="14264" y="2264"/>
                    <a:pt x="14220" y="2264"/>
                  </a:cubicBezTo>
                  <a:cubicBezTo>
                    <a:pt x="14176" y="2264"/>
                    <a:pt x="14143" y="2177"/>
                    <a:pt x="14121" y="1916"/>
                  </a:cubicBezTo>
                  <a:cubicBezTo>
                    <a:pt x="14099" y="1742"/>
                    <a:pt x="14077" y="1481"/>
                    <a:pt x="14077" y="1132"/>
                  </a:cubicBezTo>
                  <a:cubicBezTo>
                    <a:pt x="14077" y="784"/>
                    <a:pt x="14088" y="523"/>
                    <a:pt x="14121" y="348"/>
                  </a:cubicBezTo>
                  <a:cubicBezTo>
                    <a:pt x="14143" y="174"/>
                    <a:pt x="14176" y="0"/>
                    <a:pt x="14220" y="0"/>
                  </a:cubicBezTo>
                  <a:cubicBezTo>
                    <a:pt x="14253" y="174"/>
                    <a:pt x="14286" y="261"/>
                    <a:pt x="14319" y="435"/>
                  </a:cubicBezTo>
                  <a:close/>
                  <a:moveTo>
                    <a:pt x="13527" y="14545"/>
                  </a:moveTo>
                  <a:lnTo>
                    <a:pt x="13560" y="15765"/>
                  </a:lnTo>
                  <a:cubicBezTo>
                    <a:pt x="13516" y="15852"/>
                    <a:pt x="13473" y="16026"/>
                    <a:pt x="13418" y="16113"/>
                  </a:cubicBezTo>
                  <a:cubicBezTo>
                    <a:pt x="13363" y="16200"/>
                    <a:pt x="13297" y="16287"/>
                    <a:pt x="13231" y="16287"/>
                  </a:cubicBezTo>
                  <a:cubicBezTo>
                    <a:pt x="12978" y="16287"/>
                    <a:pt x="12857" y="15416"/>
                    <a:pt x="12857" y="13587"/>
                  </a:cubicBezTo>
                  <a:lnTo>
                    <a:pt x="12857" y="6532"/>
                  </a:lnTo>
                  <a:lnTo>
                    <a:pt x="12626" y="6532"/>
                  </a:lnTo>
                  <a:lnTo>
                    <a:pt x="12626" y="5226"/>
                  </a:lnTo>
                  <a:lnTo>
                    <a:pt x="12857" y="5226"/>
                  </a:lnTo>
                  <a:lnTo>
                    <a:pt x="12857" y="1742"/>
                  </a:lnTo>
                  <a:lnTo>
                    <a:pt x="13066" y="1742"/>
                  </a:lnTo>
                  <a:lnTo>
                    <a:pt x="13066" y="5226"/>
                  </a:lnTo>
                  <a:lnTo>
                    <a:pt x="13505" y="5226"/>
                  </a:lnTo>
                  <a:lnTo>
                    <a:pt x="13505" y="6445"/>
                  </a:lnTo>
                  <a:lnTo>
                    <a:pt x="13066" y="6445"/>
                  </a:lnTo>
                  <a:lnTo>
                    <a:pt x="13066" y="13239"/>
                  </a:lnTo>
                  <a:cubicBezTo>
                    <a:pt x="13066" y="13848"/>
                    <a:pt x="13088" y="14284"/>
                    <a:pt x="13121" y="14545"/>
                  </a:cubicBezTo>
                  <a:cubicBezTo>
                    <a:pt x="13154" y="14806"/>
                    <a:pt x="13209" y="14894"/>
                    <a:pt x="13275" y="14894"/>
                  </a:cubicBezTo>
                  <a:cubicBezTo>
                    <a:pt x="13319" y="14894"/>
                    <a:pt x="13374" y="14894"/>
                    <a:pt x="13418" y="14806"/>
                  </a:cubicBezTo>
                  <a:cubicBezTo>
                    <a:pt x="13451" y="14719"/>
                    <a:pt x="13484" y="14632"/>
                    <a:pt x="13527" y="14545"/>
                  </a:cubicBezTo>
                  <a:close/>
                  <a:moveTo>
                    <a:pt x="14121" y="5226"/>
                  </a:moveTo>
                  <a:lnTo>
                    <a:pt x="14330" y="5226"/>
                  </a:lnTo>
                  <a:lnTo>
                    <a:pt x="14330" y="16200"/>
                  </a:lnTo>
                  <a:lnTo>
                    <a:pt x="14121" y="16200"/>
                  </a:lnTo>
                  <a:lnTo>
                    <a:pt x="14121" y="5226"/>
                  </a:lnTo>
                  <a:close/>
                  <a:moveTo>
                    <a:pt x="16057" y="6445"/>
                  </a:moveTo>
                  <a:cubicBezTo>
                    <a:pt x="16002" y="6010"/>
                    <a:pt x="15936" y="5661"/>
                    <a:pt x="15848" y="5400"/>
                  </a:cubicBezTo>
                  <a:cubicBezTo>
                    <a:pt x="15760" y="5139"/>
                    <a:pt x="15683" y="5052"/>
                    <a:pt x="15595" y="5052"/>
                  </a:cubicBezTo>
                  <a:cubicBezTo>
                    <a:pt x="15507" y="5052"/>
                    <a:pt x="15419" y="5139"/>
                    <a:pt x="15331" y="5400"/>
                  </a:cubicBezTo>
                  <a:cubicBezTo>
                    <a:pt x="15254" y="5661"/>
                    <a:pt x="15177" y="6010"/>
                    <a:pt x="15122" y="6532"/>
                  </a:cubicBezTo>
                  <a:cubicBezTo>
                    <a:pt x="15067" y="7055"/>
                    <a:pt x="15012" y="7664"/>
                    <a:pt x="14979" y="8361"/>
                  </a:cubicBezTo>
                  <a:cubicBezTo>
                    <a:pt x="14946" y="9058"/>
                    <a:pt x="14924" y="9929"/>
                    <a:pt x="14924" y="10800"/>
                  </a:cubicBezTo>
                  <a:cubicBezTo>
                    <a:pt x="14924" y="11671"/>
                    <a:pt x="14946" y="12542"/>
                    <a:pt x="14979" y="13239"/>
                  </a:cubicBezTo>
                  <a:cubicBezTo>
                    <a:pt x="15012" y="13935"/>
                    <a:pt x="15056" y="14545"/>
                    <a:pt x="15111" y="14981"/>
                  </a:cubicBezTo>
                  <a:cubicBezTo>
                    <a:pt x="15166" y="15416"/>
                    <a:pt x="15232" y="15852"/>
                    <a:pt x="15320" y="16026"/>
                  </a:cubicBezTo>
                  <a:cubicBezTo>
                    <a:pt x="15397" y="16287"/>
                    <a:pt x="15485" y="16374"/>
                    <a:pt x="15573" y="16374"/>
                  </a:cubicBezTo>
                  <a:cubicBezTo>
                    <a:pt x="15661" y="16374"/>
                    <a:pt x="15749" y="16287"/>
                    <a:pt x="15826" y="16026"/>
                  </a:cubicBezTo>
                  <a:cubicBezTo>
                    <a:pt x="15903" y="15765"/>
                    <a:pt x="15980" y="15416"/>
                    <a:pt x="16035" y="14894"/>
                  </a:cubicBezTo>
                  <a:cubicBezTo>
                    <a:pt x="16090" y="14371"/>
                    <a:pt x="16145" y="13761"/>
                    <a:pt x="16178" y="13064"/>
                  </a:cubicBezTo>
                  <a:cubicBezTo>
                    <a:pt x="16211" y="12368"/>
                    <a:pt x="16233" y="11497"/>
                    <a:pt x="16233" y="10626"/>
                  </a:cubicBezTo>
                  <a:cubicBezTo>
                    <a:pt x="16233" y="9755"/>
                    <a:pt x="16222" y="8884"/>
                    <a:pt x="16189" y="8274"/>
                  </a:cubicBezTo>
                  <a:cubicBezTo>
                    <a:pt x="16156" y="7664"/>
                    <a:pt x="16123" y="6968"/>
                    <a:pt x="16057" y="6445"/>
                  </a:cubicBezTo>
                  <a:close/>
                  <a:moveTo>
                    <a:pt x="15991" y="12803"/>
                  </a:moveTo>
                  <a:cubicBezTo>
                    <a:pt x="15969" y="13326"/>
                    <a:pt x="15936" y="13848"/>
                    <a:pt x="15892" y="14197"/>
                  </a:cubicBezTo>
                  <a:cubicBezTo>
                    <a:pt x="15848" y="14545"/>
                    <a:pt x="15804" y="14806"/>
                    <a:pt x="15749" y="14981"/>
                  </a:cubicBezTo>
                  <a:cubicBezTo>
                    <a:pt x="15694" y="15155"/>
                    <a:pt x="15639" y="15242"/>
                    <a:pt x="15584" y="15242"/>
                  </a:cubicBezTo>
                  <a:cubicBezTo>
                    <a:pt x="15529" y="15242"/>
                    <a:pt x="15474" y="15155"/>
                    <a:pt x="15419" y="14981"/>
                  </a:cubicBezTo>
                  <a:cubicBezTo>
                    <a:pt x="15364" y="14806"/>
                    <a:pt x="15320" y="14545"/>
                    <a:pt x="15276" y="14197"/>
                  </a:cubicBezTo>
                  <a:cubicBezTo>
                    <a:pt x="15232" y="13848"/>
                    <a:pt x="15199" y="13413"/>
                    <a:pt x="15177" y="12803"/>
                  </a:cubicBezTo>
                  <a:cubicBezTo>
                    <a:pt x="15155" y="12281"/>
                    <a:pt x="15144" y="11584"/>
                    <a:pt x="15144" y="10800"/>
                  </a:cubicBezTo>
                  <a:cubicBezTo>
                    <a:pt x="15144" y="10016"/>
                    <a:pt x="15155" y="9319"/>
                    <a:pt x="15177" y="8797"/>
                  </a:cubicBezTo>
                  <a:cubicBezTo>
                    <a:pt x="15199" y="8274"/>
                    <a:pt x="15232" y="7752"/>
                    <a:pt x="15276" y="7490"/>
                  </a:cubicBezTo>
                  <a:cubicBezTo>
                    <a:pt x="15320" y="7142"/>
                    <a:pt x="15364" y="6881"/>
                    <a:pt x="15419" y="6706"/>
                  </a:cubicBezTo>
                  <a:cubicBezTo>
                    <a:pt x="15474" y="6532"/>
                    <a:pt x="15529" y="6445"/>
                    <a:pt x="15584" y="6445"/>
                  </a:cubicBezTo>
                  <a:cubicBezTo>
                    <a:pt x="15639" y="6445"/>
                    <a:pt x="15694" y="6532"/>
                    <a:pt x="15749" y="6706"/>
                  </a:cubicBezTo>
                  <a:cubicBezTo>
                    <a:pt x="15804" y="6881"/>
                    <a:pt x="15848" y="7142"/>
                    <a:pt x="15892" y="7490"/>
                  </a:cubicBezTo>
                  <a:cubicBezTo>
                    <a:pt x="15936" y="7839"/>
                    <a:pt x="15969" y="8274"/>
                    <a:pt x="15991" y="8884"/>
                  </a:cubicBezTo>
                  <a:cubicBezTo>
                    <a:pt x="16013" y="9406"/>
                    <a:pt x="16024" y="10103"/>
                    <a:pt x="16024" y="10887"/>
                  </a:cubicBezTo>
                  <a:cubicBezTo>
                    <a:pt x="16024" y="11584"/>
                    <a:pt x="16013" y="12281"/>
                    <a:pt x="15991" y="12803"/>
                  </a:cubicBezTo>
                  <a:close/>
                  <a:moveTo>
                    <a:pt x="8930" y="6010"/>
                  </a:moveTo>
                  <a:cubicBezTo>
                    <a:pt x="9007" y="6619"/>
                    <a:pt x="9051" y="7490"/>
                    <a:pt x="9051" y="8623"/>
                  </a:cubicBezTo>
                  <a:lnTo>
                    <a:pt x="9051" y="16200"/>
                  </a:lnTo>
                  <a:lnTo>
                    <a:pt x="8842" y="16200"/>
                  </a:lnTo>
                  <a:lnTo>
                    <a:pt x="8842" y="8884"/>
                  </a:lnTo>
                  <a:cubicBezTo>
                    <a:pt x="8842" y="8187"/>
                    <a:pt x="8820" y="7577"/>
                    <a:pt x="8776" y="7055"/>
                  </a:cubicBezTo>
                  <a:cubicBezTo>
                    <a:pt x="8732" y="6619"/>
                    <a:pt x="8655" y="6358"/>
                    <a:pt x="8534" y="6358"/>
                  </a:cubicBezTo>
                  <a:cubicBezTo>
                    <a:pt x="8468" y="6358"/>
                    <a:pt x="8391" y="6532"/>
                    <a:pt x="8325" y="6794"/>
                  </a:cubicBezTo>
                  <a:cubicBezTo>
                    <a:pt x="8259" y="7055"/>
                    <a:pt x="8193" y="7490"/>
                    <a:pt x="8138" y="7926"/>
                  </a:cubicBezTo>
                  <a:lnTo>
                    <a:pt x="8138" y="16200"/>
                  </a:lnTo>
                  <a:lnTo>
                    <a:pt x="7930" y="16200"/>
                  </a:lnTo>
                  <a:lnTo>
                    <a:pt x="7930" y="5226"/>
                  </a:lnTo>
                  <a:lnTo>
                    <a:pt x="8084" y="5226"/>
                  </a:lnTo>
                  <a:lnTo>
                    <a:pt x="8116" y="6706"/>
                  </a:lnTo>
                  <a:cubicBezTo>
                    <a:pt x="8182" y="6184"/>
                    <a:pt x="8259" y="5748"/>
                    <a:pt x="8336" y="5487"/>
                  </a:cubicBezTo>
                  <a:cubicBezTo>
                    <a:pt x="8413" y="5226"/>
                    <a:pt x="8501" y="5052"/>
                    <a:pt x="8600" y="5052"/>
                  </a:cubicBezTo>
                  <a:cubicBezTo>
                    <a:pt x="8732" y="5052"/>
                    <a:pt x="8853" y="5400"/>
                    <a:pt x="8930" y="6010"/>
                  </a:cubicBezTo>
                  <a:close/>
                  <a:moveTo>
                    <a:pt x="11922" y="5923"/>
                  </a:moveTo>
                  <a:cubicBezTo>
                    <a:pt x="11878" y="5574"/>
                    <a:pt x="11823" y="5400"/>
                    <a:pt x="11768" y="5226"/>
                  </a:cubicBezTo>
                  <a:cubicBezTo>
                    <a:pt x="11713" y="5052"/>
                    <a:pt x="11647" y="5052"/>
                    <a:pt x="11570" y="5052"/>
                  </a:cubicBezTo>
                  <a:cubicBezTo>
                    <a:pt x="11471" y="5052"/>
                    <a:pt x="11394" y="5139"/>
                    <a:pt x="11306" y="5313"/>
                  </a:cubicBezTo>
                  <a:cubicBezTo>
                    <a:pt x="11229" y="5487"/>
                    <a:pt x="11141" y="5748"/>
                    <a:pt x="11053" y="6184"/>
                  </a:cubicBezTo>
                  <a:lnTo>
                    <a:pt x="11130" y="7316"/>
                  </a:lnTo>
                  <a:cubicBezTo>
                    <a:pt x="11218" y="6968"/>
                    <a:pt x="11295" y="6706"/>
                    <a:pt x="11361" y="6532"/>
                  </a:cubicBezTo>
                  <a:cubicBezTo>
                    <a:pt x="11427" y="6358"/>
                    <a:pt x="11493" y="6358"/>
                    <a:pt x="11548" y="6358"/>
                  </a:cubicBezTo>
                  <a:cubicBezTo>
                    <a:pt x="11636" y="6358"/>
                    <a:pt x="11713" y="6532"/>
                    <a:pt x="11768" y="6881"/>
                  </a:cubicBezTo>
                  <a:cubicBezTo>
                    <a:pt x="11823" y="7229"/>
                    <a:pt x="11856" y="7926"/>
                    <a:pt x="11856" y="8797"/>
                  </a:cubicBezTo>
                  <a:lnTo>
                    <a:pt x="11856" y="9581"/>
                  </a:lnTo>
                  <a:lnTo>
                    <a:pt x="11581" y="9581"/>
                  </a:lnTo>
                  <a:cubicBezTo>
                    <a:pt x="11493" y="9581"/>
                    <a:pt x="11405" y="9668"/>
                    <a:pt x="11328" y="9842"/>
                  </a:cubicBezTo>
                  <a:cubicBezTo>
                    <a:pt x="11251" y="10016"/>
                    <a:pt x="11185" y="10190"/>
                    <a:pt x="11130" y="10539"/>
                  </a:cubicBezTo>
                  <a:cubicBezTo>
                    <a:pt x="11075" y="10800"/>
                    <a:pt x="11031" y="11235"/>
                    <a:pt x="11009" y="11671"/>
                  </a:cubicBezTo>
                  <a:cubicBezTo>
                    <a:pt x="10987" y="12106"/>
                    <a:pt x="10965" y="12629"/>
                    <a:pt x="10965" y="13152"/>
                  </a:cubicBezTo>
                  <a:cubicBezTo>
                    <a:pt x="10965" y="13674"/>
                    <a:pt x="10976" y="14110"/>
                    <a:pt x="10998" y="14458"/>
                  </a:cubicBezTo>
                  <a:cubicBezTo>
                    <a:pt x="11020" y="14806"/>
                    <a:pt x="11053" y="15155"/>
                    <a:pt x="11097" y="15503"/>
                  </a:cubicBezTo>
                  <a:cubicBezTo>
                    <a:pt x="11141" y="15764"/>
                    <a:pt x="11185" y="16026"/>
                    <a:pt x="11240" y="16113"/>
                  </a:cubicBezTo>
                  <a:cubicBezTo>
                    <a:pt x="11295" y="16287"/>
                    <a:pt x="11361" y="16374"/>
                    <a:pt x="11427" y="16374"/>
                  </a:cubicBezTo>
                  <a:cubicBezTo>
                    <a:pt x="11515" y="16374"/>
                    <a:pt x="11603" y="16287"/>
                    <a:pt x="11680" y="16026"/>
                  </a:cubicBezTo>
                  <a:cubicBezTo>
                    <a:pt x="11757" y="15765"/>
                    <a:pt x="11823" y="15416"/>
                    <a:pt x="11878" y="14806"/>
                  </a:cubicBezTo>
                  <a:lnTo>
                    <a:pt x="11889" y="14806"/>
                  </a:lnTo>
                  <a:lnTo>
                    <a:pt x="11922" y="16113"/>
                  </a:lnTo>
                  <a:lnTo>
                    <a:pt x="12087" y="16113"/>
                  </a:lnTo>
                  <a:lnTo>
                    <a:pt x="12087" y="8971"/>
                  </a:lnTo>
                  <a:cubicBezTo>
                    <a:pt x="12087" y="8187"/>
                    <a:pt x="12076" y="7577"/>
                    <a:pt x="12054" y="7055"/>
                  </a:cubicBezTo>
                  <a:cubicBezTo>
                    <a:pt x="11999" y="6706"/>
                    <a:pt x="11966" y="6271"/>
                    <a:pt x="11922" y="5923"/>
                  </a:cubicBezTo>
                  <a:close/>
                  <a:moveTo>
                    <a:pt x="11856" y="13500"/>
                  </a:moveTo>
                  <a:cubicBezTo>
                    <a:pt x="11801" y="14110"/>
                    <a:pt x="11746" y="14545"/>
                    <a:pt x="11669" y="14806"/>
                  </a:cubicBezTo>
                  <a:cubicBezTo>
                    <a:pt x="11603" y="15068"/>
                    <a:pt x="11526" y="15155"/>
                    <a:pt x="11460" y="15155"/>
                  </a:cubicBezTo>
                  <a:cubicBezTo>
                    <a:pt x="11383" y="15155"/>
                    <a:pt x="11317" y="14981"/>
                    <a:pt x="11251" y="14719"/>
                  </a:cubicBezTo>
                  <a:cubicBezTo>
                    <a:pt x="11196" y="14458"/>
                    <a:pt x="11163" y="13935"/>
                    <a:pt x="11163" y="13152"/>
                  </a:cubicBezTo>
                  <a:cubicBezTo>
                    <a:pt x="11163" y="12542"/>
                    <a:pt x="11196" y="12019"/>
                    <a:pt x="11262" y="11584"/>
                  </a:cubicBezTo>
                  <a:cubicBezTo>
                    <a:pt x="11328" y="11148"/>
                    <a:pt x="11449" y="10974"/>
                    <a:pt x="11614" y="10887"/>
                  </a:cubicBezTo>
                  <a:lnTo>
                    <a:pt x="11845" y="10887"/>
                  </a:lnTo>
                  <a:lnTo>
                    <a:pt x="11845" y="13500"/>
                  </a:lnTo>
                  <a:close/>
                  <a:moveTo>
                    <a:pt x="10503" y="14545"/>
                  </a:moveTo>
                  <a:lnTo>
                    <a:pt x="10536" y="15765"/>
                  </a:lnTo>
                  <a:cubicBezTo>
                    <a:pt x="10492" y="15852"/>
                    <a:pt x="10448" y="16026"/>
                    <a:pt x="10393" y="16113"/>
                  </a:cubicBezTo>
                  <a:cubicBezTo>
                    <a:pt x="10338" y="16200"/>
                    <a:pt x="10272" y="16287"/>
                    <a:pt x="10206" y="16287"/>
                  </a:cubicBezTo>
                  <a:cubicBezTo>
                    <a:pt x="9953" y="16287"/>
                    <a:pt x="9832" y="15416"/>
                    <a:pt x="9832" y="13587"/>
                  </a:cubicBezTo>
                  <a:lnTo>
                    <a:pt x="9832" y="6532"/>
                  </a:lnTo>
                  <a:lnTo>
                    <a:pt x="9601" y="6532"/>
                  </a:lnTo>
                  <a:lnTo>
                    <a:pt x="9601" y="5226"/>
                  </a:lnTo>
                  <a:lnTo>
                    <a:pt x="9832" y="5226"/>
                  </a:lnTo>
                  <a:lnTo>
                    <a:pt x="9832" y="1742"/>
                  </a:lnTo>
                  <a:lnTo>
                    <a:pt x="10041" y="1742"/>
                  </a:lnTo>
                  <a:lnTo>
                    <a:pt x="10041" y="5226"/>
                  </a:lnTo>
                  <a:lnTo>
                    <a:pt x="10481" y="5226"/>
                  </a:lnTo>
                  <a:lnTo>
                    <a:pt x="10481" y="6445"/>
                  </a:lnTo>
                  <a:lnTo>
                    <a:pt x="10041" y="6445"/>
                  </a:lnTo>
                  <a:lnTo>
                    <a:pt x="10041" y="13239"/>
                  </a:lnTo>
                  <a:cubicBezTo>
                    <a:pt x="10041" y="13848"/>
                    <a:pt x="10063" y="14284"/>
                    <a:pt x="10096" y="14545"/>
                  </a:cubicBezTo>
                  <a:cubicBezTo>
                    <a:pt x="10129" y="14806"/>
                    <a:pt x="10184" y="14894"/>
                    <a:pt x="10250" y="14894"/>
                  </a:cubicBezTo>
                  <a:cubicBezTo>
                    <a:pt x="10294" y="14894"/>
                    <a:pt x="10349" y="14894"/>
                    <a:pt x="10393" y="14806"/>
                  </a:cubicBezTo>
                  <a:cubicBezTo>
                    <a:pt x="10426" y="14719"/>
                    <a:pt x="10459" y="14632"/>
                    <a:pt x="10503" y="14545"/>
                  </a:cubicBezTo>
                  <a:close/>
                  <a:moveTo>
                    <a:pt x="17839" y="6010"/>
                  </a:moveTo>
                  <a:cubicBezTo>
                    <a:pt x="17916" y="6619"/>
                    <a:pt x="17960" y="7490"/>
                    <a:pt x="17960" y="8623"/>
                  </a:cubicBezTo>
                  <a:lnTo>
                    <a:pt x="17960" y="16200"/>
                  </a:lnTo>
                  <a:lnTo>
                    <a:pt x="17751" y="16200"/>
                  </a:lnTo>
                  <a:lnTo>
                    <a:pt x="17751" y="8884"/>
                  </a:lnTo>
                  <a:cubicBezTo>
                    <a:pt x="17751" y="8187"/>
                    <a:pt x="17729" y="7577"/>
                    <a:pt x="17685" y="7055"/>
                  </a:cubicBezTo>
                  <a:cubicBezTo>
                    <a:pt x="17641" y="6619"/>
                    <a:pt x="17564" y="6358"/>
                    <a:pt x="17443" y="6358"/>
                  </a:cubicBezTo>
                  <a:cubicBezTo>
                    <a:pt x="17377" y="6358"/>
                    <a:pt x="17300" y="6532"/>
                    <a:pt x="17234" y="6794"/>
                  </a:cubicBezTo>
                  <a:cubicBezTo>
                    <a:pt x="17168" y="7055"/>
                    <a:pt x="17102" y="7490"/>
                    <a:pt x="17047" y="7926"/>
                  </a:cubicBezTo>
                  <a:lnTo>
                    <a:pt x="17047" y="16200"/>
                  </a:lnTo>
                  <a:lnTo>
                    <a:pt x="16838" y="16200"/>
                  </a:lnTo>
                  <a:lnTo>
                    <a:pt x="16838" y="5226"/>
                  </a:lnTo>
                  <a:lnTo>
                    <a:pt x="16992" y="5226"/>
                  </a:lnTo>
                  <a:lnTo>
                    <a:pt x="17025" y="6706"/>
                  </a:lnTo>
                  <a:cubicBezTo>
                    <a:pt x="17091" y="6184"/>
                    <a:pt x="17168" y="5748"/>
                    <a:pt x="17245" y="5487"/>
                  </a:cubicBezTo>
                  <a:cubicBezTo>
                    <a:pt x="17322" y="5226"/>
                    <a:pt x="17410" y="5052"/>
                    <a:pt x="17509" y="5052"/>
                  </a:cubicBezTo>
                  <a:cubicBezTo>
                    <a:pt x="17652" y="5052"/>
                    <a:pt x="17762" y="5400"/>
                    <a:pt x="17839" y="6010"/>
                  </a:cubicBezTo>
                  <a:close/>
                </a:path>
              </a:pathLst>
            </a:custGeom>
            <a:solidFill>
              <a:srgbClr val="022032"/>
            </a:solidFill>
            <a:ln w="12700">
              <a:miter lim="400000"/>
            </a:ln>
          </p:spPr>
          <p:txBody>
            <a:bodyPr lIns="38100" tIns="38100" rIns="38100" bIns="3810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>
                  <a:solidFill>
                    <a:srgbClr val="FFFFFF"/>
                  </a:solidFill>
                </a:defRPr>
              </a:pPr>
              <a:endParaRPr kumimoji="0" sz="30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endParaRPr>
            </a:p>
          </p:txBody>
        </p:sp>
        <p:sp>
          <p:nvSpPr>
            <p:cNvPr id="14" name="Shape">
              <a:extLst>
                <a:ext uri="{FF2B5EF4-FFF2-40B4-BE49-F238E27FC236}">
                  <a16:creationId xmlns:a16="http://schemas.microsoft.com/office/drawing/2014/main" id="{4DA21CF1-E590-327D-79EB-27F8689C5195}"/>
                </a:ext>
              </a:extLst>
            </p:cNvPr>
            <p:cNvSpPr/>
            <p:nvPr userDrawn="1"/>
          </p:nvSpPr>
          <p:spPr>
            <a:xfrm>
              <a:off x="1714499" y="5257800"/>
              <a:ext cx="4141472" cy="16891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4259" y="17540"/>
                  </a:moveTo>
                  <a:cubicBezTo>
                    <a:pt x="4279" y="18027"/>
                    <a:pt x="4286" y="18514"/>
                    <a:pt x="4286" y="19164"/>
                  </a:cubicBezTo>
                  <a:cubicBezTo>
                    <a:pt x="4286" y="19814"/>
                    <a:pt x="4279" y="20463"/>
                    <a:pt x="4259" y="20950"/>
                  </a:cubicBezTo>
                  <a:cubicBezTo>
                    <a:pt x="4239" y="21438"/>
                    <a:pt x="4219" y="21600"/>
                    <a:pt x="4193" y="21600"/>
                  </a:cubicBezTo>
                  <a:cubicBezTo>
                    <a:pt x="4166" y="21600"/>
                    <a:pt x="4146" y="21438"/>
                    <a:pt x="4127" y="20950"/>
                  </a:cubicBezTo>
                  <a:cubicBezTo>
                    <a:pt x="4107" y="20463"/>
                    <a:pt x="4100" y="19976"/>
                    <a:pt x="4100" y="19164"/>
                  </a:cubicBezTo>
                  <a:cubicBezTo>
                    <a:pt x="4100" y="18514"/>
                    <a:pt x="4107" y="17865"/>
                    <a:pt x="4127" y="17540"/>
                  </a:cubicBezTo>
                  <a:cubicBezTo>
                    <a:pt x="4146" y="17053"/>
                    <a:pt x="4166" y="16890"/>
                    <a:pt x="4193" y="16890"/>
                  </a:cubicBezTo>
                  <a:cubicBezTo>
                    <a:pt x="4219" y="16890"/>
                    <a:pt x="4246" y="17053"/>
                    <a:pt x="4259" y="17540"/>
                  </a:cubicBezTo>
                  <a:close/>
                  <a:moveTo>
                    <a:pt x="3670" y="13642"/>
                  </a:moveTo>
                  <a:lnTo>
                    <a:pt x="3623" y="18839"/>
                  </a:lnTo>
                  <a:lnTo>
                    <a:pt x="3617" y="18839"/>
                  </a:lnTo>
                  <a:lnTo>
                    <a:pt x="3564" y="13642"/>
                  </a:lnTo>
                  <a:lnTo>
                    <a:pt x="3411" y="650"/>
                  </a:lnTo>
                  <a:lnTo>
                    <a:pt x="3279" y="650"/>
                  </a:lnTo>
                  <a:lnTo>
                    <a:pt x="3126" y="13642"/>
                  </a:lnTo>
                  <a:lnTo>
                    <a:pt x="3073" y="18839"/>
                  </a:lnTo>
                  <a:lnTo>
                    <a:pt x="3067" y="18839"/>
                  </a:lnTo>
                  <a:lnTo>
                    <a:pt x="3027" y="13642"/>
                  </a:lnTo>
                  <a:lnTo>
                    <a:pt x="2881" y="650"/>
                  </a:lnTo>
                  <a:lnTo>
                    <a:pt x="2749" y="650"/>
                  </a:lnTo>
                  <a:lnTo>
                    <a:pt x="3001" y="21113"/>
                  </a:lnTo>
                  <a:lnTo>
                    <a:pt x="3133" y="21113"/>
                  </a:lnTo>
                  <a:lnTo>
                    <a:pt x="3285" y="8120"/>
                  </a:lnTo>
                  <a:lnTo>
                    <a:pt x="3338" y="2761"/>
                  </a:lnTo>
                  <a:lnTo>
                    <a:pt x="3391" y="8120"/>
                  </a:lnTo>
                  <a:lnTo>
                    <a:pt x="3544" y="21113"/>
                  </a:lnTo>
                  <a:lnTo>
                    <a:pt x="3689" y="21113"/>
                  </a:lnTo>
                  <a:lnTo>
                    <a:pt x="3934" y="650"/>
                  </a:lnTo>
                  <a:lnTo>
                    <a:pt x="3809" y="650"/>
                  </a:lnTo>
                  <a:lnTo>
                    <a:pt x="3670" y="13642"/>
                  </a:lnTo>
                  <a:close/>
                  <a:moveTo>
                    <a:pt x="2292" y="13642"/>
                  </a:moveTo>
                  <a:lnTo>
                    <a:pt x="2245" y="18839"/>
                  </a:lnTo>
                  <a:lnTo>
                    <a:pt x="2239" y="18839"/>
                  </a:lnTo>
                  <a:lnTo>
                    <a:pt x="2192" y="13642"/>
                  </a:lnTo>
                  <a:lnTo>
                    <a:pt x="2040" y="650"/>
                  </a:lnTo>
                  <a:lnTo>
                    <a:pt x="1908" y="650"/>
                  </a:lnTo>
                  <a:lnTo>
                    <a:pt x="1755" y="13642"/>
                  </a:lnTo>
                  <a:lnTo>
                    <a:pt x="1702" y="18839"/>
                  </a:lnTo>
                  <a:lnTo>
                    <a:pt x="1696" y="18839"/>
                  </a:lnTo>
                  <a:lnTo>
                    <a:pt x="1656" y="13642"/>
                  </a:lnTo>
                  <a:lnTo>
                    <a:pt x="1510" y="650"/>
                  </a:lnTo>
                  <a:lnTo>
                    <a:pt x="1378" y="650"/>
                  </a:lnTo>
                  <a:lnTo>
                    <a:pt x="1629" y="21113"/>
                  </a:lnTo>
                  <a:lnTo>
                    <a:pt x="1762" y="21113"/>
                  </a:lnTo>
                  <a:lnTo>
                    <a:pt x="1914" y="8120"/>
                  </a:lnTo>
                  <a:lnTo>
                    <a:pt x="1967" y="2761"/>
                  </a:lnTo>
                  <a:lnTo>
                    <a:pt x="2020" y="8120"/>
                  </a:lnTo>
                  <a:lnTo>
                    <a:pt x="2173" y="21113"/>
                  </a:lnTo>
                  <a:lnTo>
                    <a:pt x="2318" y="21113"/>
                  </a:lnTo>
                  <a:lnTo>
                    <a:pt x="2563" y="650"/>
                  </a:lnTo>
                  <a:lnTo>
                    <a:pt x="2438" y="650"/>
                  </a:lnTo>
                  <a:lnTo>
                    <a:pt x="2292" y="13642"/>
                  </a:lnTo>
                  <a:close/>
                  <a:moveTo>
                    <a:pt x="921" y="13642"/>
                  </a:moveTo>
                  <a:lnTo>
                    <a:pt x="874" y="18839"/>
                  </a:lnTo>
                  <a:lnTo>
                    <a:pt x="868" y="18839"/>
                  </a:lnTo>
                  <a:lnTo>
                    <a:pt x="815" y="13642"/>
                  </a:lnTo>
                  <a:lnTo>
                    <a:pt x="662" y="650"/>
                  </a:lnTo>
                  <a:lnTo>
                    <a:pt x="530" y="650"/>
                  </a:lnTo>
                  <a:lnTo>
                    <a:pt x="378" y="13642"/>
                  </a:lnTo>
                  <a:lnTo>
                    <a:pt x="325" y="18839"/>
                  </a:lnTo>
                  <a:lnTo>
                    <a:pt x="318" y="18839"/>
                  </a:lnTo>
                  <a:lnTo>
                    <a:pt x="278" y="13642"/>
                  </a:lnTo>
                  <a:lnTo>
                    <a:pt x="132" y="650"/>
                  </a:lnTo>
                  <a:lnTo>
                    <a:pt x="0" y="650"/>
                  </a:lnTo>
                  <a:lnTo>
                    <a:pt x="252" y="21113"/>
                  </a:lnTo>
                  <a:lnTo>
                    <a:pt x="384" y="21113"/>
                  </a:lnTo>
                  <a:lnTo>
                    <a:pt x="537" y="8120"/>
                  </a:lnTo>
                  <a:lnTo>
                    <a:pt x="590" y="2761"/>
                  </a:lnTo>
                  <a:lnTo>
                    <a:pt x="643" y="8120"/>
                  </a:lnTo>
                  <a:lnTo>
                    <a:pt x="795" y="21113"/>
                  </a:lnTo>
                  <a:lnTo>
                    <a:pt x="941" y="21113"/>
                  </a:lnTo>
                  <a:lnTo>
                    <a:pt x="1186" y="650"/>
                  </a:lnTo>
                  <a:lnTo>
                    <a:pt x="1060" y="650"/>
                  </a:lnTo>
                  <a:lnTo>
                    <a:pt x="921" y="13642"/>
                  </a:lnTo>
                  <a:close/>
                  <a:moveTo>
                    <a:pt x="18911" y="19001"/>
                  </a:moveTo>
                  <a:cubicBezTo>
                    <a:pt x="18884" y="19164"/>
                    <a:pt x="18845" y="19326"/>
                    <a:pt x="18811" y="19326"/>
                  </a:cubicBezTo>
                  <a:cubicBezTo>
                    <a:pt x="18772" y="19326"/>
                    <a:pt x="18739" y="19164"/>
                    <a:pt x="18699" y="18839"/>
                  </a:cubicBezTo>
                  <a:cubicBezTo>
                    <a:pt x="18659" y="18514"/>
                    <a:pt x="18633" y="18027"/>
                    <a:pt x="18599" y="17377"/>
                  </a:cubicBezTo>
                  <a:cubicBezTo>
                    <a:pt x="18566" y="16728"/>
                    <a:pt x="18546" y="15916"/>
                    <a:pt x="18533" y="14779"/>
                  </a:cubicBezTo>
                  <a:cubicBezTo>
                    <a:pt x="18513" y="13642"/>
                    <a:pt x="18507" y="12343"/>
                    <a:pt x="18507" y="10719"/>
                  </a:cubicBezTo>
                  <a:cubicBezTo>
                    <a:pt x="18507" y="8120"/>
                    <a:pt x="18533" y="6171"/>
                    <a:pt x="18593" y="4710"/>
                  </a:cubicBezTo>
                  <a:cubicBezTo>
                    <a:pt x="18652" y="3248"/>
                    <a:pt x="18725" y="2599"/>
                    <a:pt x="18818" y="2599"/>
                  </a:cubicBezTo>
                  <a:cubicBezTo>
                    <a:pt x="18851" y="2599"/>
                    <a:pt x="18878" y="2599"/>
                    <a:pt x="18911" y="2761"/>
                  </a:cubicBezTo>
                  <a:cubicBezTo>
                    <a:pt x="18937" y="2923"/>
                    <a:pt x="18970" y="3248"/>
                    <a:pt x="19003" y="3573"/>
                  </a:cubicBezTo>
                  <a:lnTo>
                    <a:pt x="19030" y="1137"/>
                  </a:lnTo>
                  <a:cubicBezTo>
                    <a:pt x="18990" y="650"/>
                    <a:pt x="18951" y="325"/>
                    <a:pt x="18911" y="162"/>
                  </a:cubicBezTo>
                  <a:cubicBezTo>
                    <a:pt x="18878" y="0"/>
                    <a:pt x="18838" y="0"/>
                    <a:pt x="18805" y="0"/>
                  </a:cubicBezTo>
                  <a:cubicBezTo>
                    <a:pt x="18745" y="0"/>
                    <a:pt x="18686" y="162"/>
                    <a:pt x="18633" y="650"/>
                  </a:cubicBezTo>
                  <a:cubicBezTo>
                    <a:pt x="18580" y="1137"/>
                    <a:pt x="18540" y="1786"/>
                    <a:pt x="18500" y="2761"/>
                  </a:cubicBezTo>
                  <a:cubicBezTo>
                    <a:pt x="18460" y="3735"/>
                    <a:pt x="18434" y="4872"/>
                    <a:pt x="18414" y="6171"/>
                  </a:cubicBezTo>
                  <a:cubicBezTo>
                    <a:pt x="18394" y="7471"/>
                    <a:pt x="18381" y="8932"/>
                    <a:pt x="18381" y="10556"/>
                  </a:cubicBezTo>
                  <a:cubicBezTo>
                    <a:pt x="18381" y="12343"/>
                    <a:pt x="18394" y="13805"/>
                    <a:pt x="18414" y="15266"/>
                  </a:cubicBezTo>
                  <a:cubicBezTo>
                    <a:pt x="18434" y="16565"/>
                    <a:pt x="18467" y="17702"/>
                    <a:pt x="18507" y="18514"/>
                  </a:cubicBezTo>
                  <a:cubicBezTo>
                    <a:pt x="18546" y="19326"/>
                    <a:pt x="18593" y="20138"/>
                    <a:pt x="18639" y="20463"/>
                  </a:cubicBezTo>
                  <a:cubicBezTo>
                    <a:pt x="18692" y="20950"/>
                    <a:pt x="18745" y="21113"/>
                    <a:pt x="18805" y="21113"/>
                  </a:cubicBezTo>
                  <a:cubicBezTo>
                    <a:pt x="18891" y="21113"/>
                    <a:pt x="18964" y="20788"/>
                    <a:pt x="19030" y="19976"/>
                  </a:cubicBezTo>
                  <a:lnTo>
                    <a:pt x="19003" y="17702"/>
                  </a:lnTo>
                  <a:cubicBezTo>
                    <a:pt x="18964" y="18514"/>
                    <a:pt x="18937" y="18677"/>
                    <a:pt x="18911" y="19001"/>
                  </a:cubicBezTo>
                  <a:close/>
                  <a:moveTo>
                    <a:pt x="21534" y="2111"/>
                  </a:moveTo>
                  <a:cubicBezTo>
                    <a:pt x="21487" y="974"/>
                    <a:pt x="21428" y="325"/>
                    <a:pt x="21342" y="325"/>
                  </a:cubicBezTo>
                  <a:cubicBezTo>
                    <a:pt x="21282" y="325"/>
                    <a:pt x="21229" y="650"/>
                    <a:pt x="21176" y="1137"/>
                  </a:cubicBezTo>
                  <a:cubicBezTo>
                    <a:pt x="21123" y="1786"/>
                    <a:pt x="21083" y="2598"/>
                    <a:pt x="21037" y="3573"/>
                  </a:cubicBezTo>
                  <a:cubicBezTo>
                    <a:pt x="21017" y="2598"/>
                    <a:pt x="20991" y="1624"/>
                    <a:pt x="20951" y="1137"/>
                  </a:cubicBezTo>
                  <a:cubicBezTo>
                    <a:pt x="20911" y="487"/>
                    <a:pt x="20865" y="162"/>
                    <a:pt x="20805" y="162"/>
                  </a:cubicBezTo>
                  <a:cubicBezTo>
                    <a:pt x="20739" y="162"/>
                    <a:pt x="20686" y="487"/>
                    <a:pt x="20646" y="974"/>
                  </a:cubicBezTo>
                  <a:cubicBezTo>
                    <a:pt x="20606" y="1462"/>
                    <a:pt x="20560" y="2274"/>
                    <a:pt x="20520" y="3248"/>
                  </a:cubicBezTo>
                  <a:lnTo>
                    <a:pt x="20500" y="487"/>
                  </a:lnTo>
                  <a:lnTo>
                    <a:pt x="20408" y="487"/>
                  </a:lnTo>
                  <a:lnTo>
                    <a:pt x="20408" y="20950"/>
                  </a:lnTo>
                  <a:lnTo>
                    <a:pt x="20534" y="20950"/>
                  </a:lnTo>
                  <a:lnTo>
                    <a:pt x="20534" y="5684"/>
                  </a:lnTo>
                  <a:cubicBezTo>
                    <a:pt x="20567" y="4710"/>
                    <a:pt x="20606" y="4060"/>
                    <a:pt x="20646" y="3573"/>
                  </a:cubicBezTo>
                  <a:cubicBezTo>
                    <a:pt x="20686" y="3086"/>
                    <a:pt x="20726" y="2761"/>
                    <a:pt x="20765" y="2761"/>
                  </a:cubicBezTo>
                  <a:cubicBezTo>
                    <a:pt x="20832" y="2761"/>
                    <a:pt x="20878" y="3248"/>
                    <a:pt x="20905" y="4060"/>
                  </a:cubicBezTo>
                  <a:cubicBezTo>
                    <a:pt x="20931" y="4872"/>
                    <a:pt x="20944" y="6009"/>
                    <a:pt x="20944" y="7633"/>
                  </a:cubicBezTo>
                  <a:lnTo>
                    <a:pt x="20944" y="21113"/>
                  </a:lnTo>
                  <a:lnTo>
                    <a:pt x="21070" y="21113"/>
                  </a:lnTo>
                  <a:lnTo>
                    <a:pt x="21070" y="6983"/>
                  </a:lnTo>
                  <a:cubicBezTo>
                    <a:pt x="21070" y="6821"/>
                    <a:pt x="21070" y="6496"/>
                    <a:pt x="21070" y="6334"/>
                  </a:cubicBezTo>
                  <a:cubicBezTo>
                    <a:pt x="21070" y="6171"/>
                    <a:pt x="21070" y="5847"/>
                    <a:pt x="21070" y="5684"/>
                  </a:cubicBezTo>
                  <a:cubicBezTo>
                    <a:pt x="21103" y="4710"/>
                    <a:pt x="21136" y="4060"/>
                    <a:pt x="21176" y="3573"/>
                  </a:cubicBezTo>
                  <a:cubicBezTo>
                    <a:pt x="21216" y="3086"/>
                    <a:pt x="21256" y="2761"/>
                    <a:pt x="21295" y="2761"/>
                  </a:cubicBezTo>
                  <a:cubicBezTo>
                    <a:pt x="21362" y="2761"/>
                    <a:pt x="21408" y="3248"/>
                    <a:pt x="21434" y="4060"/>
                  </a:cubicBezTo>
                  <a:cubicBezTo>
                    <a:pt x="21461" y="4872"/>
                    <a:pt x="21474" y="6009"/>
                    <a:pt x="21474" y="7633"/>
                  </a:cubicBezTo>
                  <a:lnTo>
                    <a:pt x="21474" y="21113"/>
                  </a:lnTo>
                  <a:lnTo>
                    <a:pt x="21600" y="21113"/>
                  </a:lnTo>
                  <a:lnTo>
                    <a:pt x="21600" y="6983"/>
                  </a:lnTo>
                  <a:cubicBezTo>
                    <a:pt x="21600" y="4872"/>
                    <a:pt x="21580" y="3248"/>
                    <a:pt x="21534" y="2111"/>
                  </a:cubicBezTo>
                  <a:close/>
                  <a:moveTo>
                    <a:pt x="17997" y="16890"/>
                  </a:moveTo>
                  <a:cubicBezTo>
                    <a:pt x="17970" y="16890"/>
                    <a:pt x="17950" y="17053"/>
                    <a:pt x="17930" y="17540"/>
                  </a:cubicBezTo>
                  <a:cubicBezTo>
                    <a:pt x="17911" y="18027"/>
                    <a:pt x="17904" y="18514"/>
                    <a:pt x="17904" y="19164"/>
                  </a:cubicBezTo>
                  <a:cubicBezTo>
                    <a:pt x="17904" y="19814"/>
                    <a:pt x="17911" y="20463"/>
                    <a:pt x="17930" y="20950"/>
                  </a:cubicBezTo>
                  <a:cubicBezTo>
                    <a:pt x="17950" y="21438"/>
                    <a:pt x="17970" y="21600"/>
                    <a:pt x="17997" y="21600"/>
                  </a:cubicBezTo>
                  <a:cubicBezTo>
                    <a:pt x="18023" y="21600"/>
                    <a:pt x="18043" y="21438"/>
                    <a:pt x="18063" y="20950"/>
                  </a:cubicBezTo>
                  <a:cubicBezTo>
                    <a:pt x="18083" y="20463"/>
                    <a:pt x="18089" y="19976"/>
                    <a:pt x="18089" y="19164"/>
                  </a:cubicBezTo>
                  <a:cubicBezTo>
                    <a:pt x="18089" y="18514"/>
                    <a:pt x="18083" y="17865"/>
                    <a:pt x="18063" y="17540"/>
                  </a:cubicBezTo>
                  <a:cubicBezTo>
                    <a:pt x="18043" y="17053"/>
                    <a:pt x="18023" y="16890"/>
                    <a:pt x="17997" y="16890"/>
                  </a:cubicBezTo>
                  <a:close/>
                  <a:moveTo>
                    <a:pt x="20017" y="6171"/>
                  </a:moveTo>
                  <a:cubicBezTo>
                    <a:pt x="20037" y="7471"/>
                    <a:pt x="20043" y="8932"/>
                    <a:pt x="20043" y="10556"/>
                  </a:cubicBezTo>
                  <a:cubicBezTo>
                    <a:pt x="20043" y="12343"/>
                    <a:pt x="20030" y="13805"/>
                    <a:pt x="20010" y="15104"/>
                  </a:cubicBezTo>
                  <a:cubicBezTo>
                    <a:pt x="19990" y="16403"/>
                    <a:pt x="19964" y="17540"/>
                    <a:pt x="19924" y="18514"/>
                  </a:cubicBezTo>
                  <a:cubicBezTo>
                    <a:pt x="19891" y="19489"/>
                    <a:pt x="19845" y="20138"/>
                    <a:pt x="19798" y="20626"/>
                  </a:cubicBezTo>
                  <a:cubicBezTo>
                    <a:pt x="19752" y="21113"/>
                    <a:pt x="19699" y="21275"/>
                    <a:pt x="19646" y="21275"/>
                  </a:cubicBezTo>
                  <a:cubicBezTo>
                    <a:pt x="19593" y="21275"/>
                    <a:pt x="19540" y="21113"/>
                    <a:pt x="19494" y="20626"/>
                  </a:cubicBezTo>
                  <a:cubicBezTo>
                    <a:pt x="19447" y="20138"/>
                    <a:pt x="19408" y="19489"/>
                    <a:pt x="19368" y="18677"/>
                  </a:cubicBezTo>
                  <a:cubicBezTo>
                    <a:pt x="19335" y="17865"/>
                    <a:pt x="19308" y="16728"/>
                    <a:pt x="19288" y="15429"/>
                  </a:cubicBezTo>
                  <a:cubicBezTo>
                    <a:pt x="19268" y="14129"/>
                    <a:pt x="19255" y="12668"/>
                    <a:pt x="19255" y="10881"/>
                  </a:cubicBezTo>
                  <a:cubicBezTo>
                    <a:pt x="19255" y="9095"/>
                    <a:pt x="19268" y="7633"/>
                    <a:pt x="19288" y="6334"/>
                  </a:cubicBezTo>
                  <a:cubicBezTo>
                    <a:pt x="19308" y="5035"/>
                    <a:pt x="19335" y="3898"/>
                    <a:pt x="19374" y="2923"/>
                  </a:cubicBezTo>
                  <a:cubicBezTo>
                    <a:pt x="19408" y="1949"/>
                    <a:pt x="19454" y="1299"/>
                    <a:pt x="19500" y="812"/>
                  </a:cubicBezTo>
                  <a:cubicBezTo>
                    <a:pt x="19547" y="325"/>
                    <a:pt x="19600" y="162"/>
                    <a:pt x="19659" y="162"/>
                  </a:cubicBezTo>
                  <a:cubicBezTo>
                    <a:pt x="19712" y="162"/>
                    <a:pt x="19765" y="325"/>
                    <a:pt x="19812" y="812"/>
                  </a:cubicBezTo>
                  <a:cubicBezTo>
                    <a:pt x="19858" y="1299"/>
                    <a:pt x="19898" y="1949"/>
                    <a:pt x="19937" y="2761"/>
                  </a:cubicBezTo>
                  <a:cubicBezTo>
                    <a:pt x="19971" y="3898"/>
                    <a:pt x="20004" y="4872"/>
                    <a:pt x="20017" y="6171"/>
                  </a:cubicBezTo>
                  <a:close/>
                  <a:moveTo>
                    <a:pt x="19918" y="10881"/>
                  </a:moveTo>
                  <a:cubicBezTo>
                    <a:pt x="19918" y="9420"/>
                    <a:pt x="19911" y="8283"/>
                    <a:pt x="19898" y="7146"/>
                  </a:cubicBezTo>
                  <a:cubicBezTo>
                    <a:pt x="19884" y="6171"/>
                    <a:pt x="19865" y="5197"/>
                    <a:pt x="19838" y="4547"/>
                  </a:cubicBezTo>
                  <a:cubicBezTo>
                    <a:pt x="19812" y="3898"/>
                    <a:pt x="19785" y="3410"/>
                    <a:pt x="19752" y="3086"/>
                  </a:cubicBezTo>
                  <a:cubicBezTo>
                    <a:pt x="19719" y="2761"/>
                    <a:pt x="19686" y="2599"/>
                    <a:pt x="19653" y="2599"/>
                  </a:cubicBezTo>
                  <a:cubicBezTo>
                    <a:pt x="19620" y="2599"/>
                    <a:pt x="19586" y="2761"/>
                    <a:pt x="19553" y="3086"/>
                  </a:cubicBezTo>
                  <a:cubicBezTo>
                    <a:pt x="19520" y="3411"/>
                    <a:pt x="19494" y="3898"/>
                    <a:pt x="19467" y="4547"/>
                  </a:cubicBezTo>
                  <a:cubicBezTo>
                    <a:pt x="19441" y="5197"/>
                    <a:pt x="19421" y="6009"/>
                    <a:pt x="19408" y="6983"/>
                  </a:cubicBezTo>
                  <a:cubicBezTo>
                    <a:pt x="19394" y="7958"/>
                    <a:pt x="19388" y="9257"/>
                    <a:pt x="19388" y="10719"/>
                  </a:cubicBezTo>
                  <a:cubicBezTo>
                    <a:pt x="19388" y="12180"/>
                    <a:pt x="19394" y="13480"/>
                    <a:pt x="19408" y="14454"/>
                  </a:cubicBezTo>
                  <a:cubicBezTo>
                    <a:pt x="19421" y="15429"/>
                    <a:pt x="19441" y="16403"/>
                    <a:pt x="19467" y="17053"/>
                  </a:cubicBezTo>
                  <a:cubicBezTo>
                    <a:pt x="19494" y="17702"/>
                    <a:pt x="19520" y="18189"/>
                    <a:pt x="19553" y="18514"/>
                  </a:cubicBezTo>
                  <a:cubicBezTo>
                    <a:pt x="19586" y="18839"/>
                    <a:pt x="19620" y="19001"/>
                    <a:pt x="19653" y="19001"/>
                  </a:cubicBezTo>
                  <a:cubicBezTo>
                    <a:pt x="19686" y="19001"/>
                    <a:pt x="19719" y="18839"/>
                    <a:pt x="19752" y="18514"/>
                  </a:cubicBezTo>
                  <a:cubicBezTo>
                    <a:pt x="19785" y="18189"/>
                    <a:pt x="19812" y="17702"/>
                    <a:pt x="19838" y="17053"/>
                  </a:cubicBezTo>
                  <a:cubicBezTo>
                    <a:pt x="19865" y="16403"/>
                    <a:pt x="19884" y="15591"/>
                    <a:pt x="19898" y="14454"/>
                  </a:cubicBezTo>
                  <a:cubicBezTo>
                    <a:pt x="19911" y="13805"/>
                    <a:pt x="19918" y="12505"/>
                    <a:pt x="19918" y="10881"/>
                  </a:cubicBezTo>
                  <a:close/>
                </a:path>
              </a:pathLst>
            </a:custGeom>
            <a:solidFill>
              <a:srgbClr val="D3D3D3"/>
            </a:solidFill>
            <a:ln w="12700">
              <a:miter lim="400000"/>
            </a:ln>
          </p:spPr>
          <p:txBody>
            <a:bodyPr lIns="38100" tIns="38100" rIns="38100" bIns="3810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>
                  <a:solidFill>
                    <a:srgbClr val="FFFFFF"/>
                  </a:solidFill>
                </a:defRPr>
              </a:pPr>
              <a:endParaRPr kumimoji="0" sz="30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544422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tx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203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8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1200" cap="none" spc="150" normalizeH="0" baseline="0" noProof="0" dirty="0">
              <a:ln>
                <a:noFill/>
              </a:ln>
              <a:solidFill>
                <a:prstClr val="white">
                  <a:lumMod val="75000"/>
                </a:prst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8" name="Rectangle 17"/>
          <p:cNvSpPr/>
          <p:nvPr userDrawn="1"/>
        </p:nvSpPr>
        <p:spPr>
          <a:xfrm>
            <a:off x="-12701" y="6959601"/>
            <a:ext cx="1603901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200" b="0" i="0" dirty="0">
                <a:solidFill>
                  <a:srgbClr val="008C58"/>
                </a:solidFill>
                <a:effectLst/>
                <a:latin typeface="+mn-lt"/>
              </a:rPr>
              <a:t>© </a:t>
            </a:r>
            <a:r>
              <a:rPr lang="en-US" sz="1200" b="0" i="0" u="none" strike="noStrike" dirty="0">
                <a:solidFill>
                  <a:srgbClr val="008C58"/>
                </a:solidFill>
                <a:effectLst/>
                <a:latin typeface="+mn-lt"/>
                <a:hlinkClick r:id="rId3" tooltip="PresentationGo!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presentationgo.com</a:t>
            </a:r>
            <a:endParaRPr lang="en-US" sz="1200" dirty="0">
              <a:solidFill>
                <a:srgbClr val="008C58"/>
              </a:solidFill>
              <a:latin typeface="+mn-lt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02EFF1A5-A306-8A52-C88A-8BEF71F01730}"/>
              </a:ext>
            </a:extLst>
          </p:cNvPr>
          <p:cNvGrpSpPr/>
          <p:nvPr userDrawn="1"/>
        </p:nvGrpSpPr>
        <p:grpSpPr>
          <a:xfrm>
            <a:off x="12313760" y="-58780"/>
            <a:ext cx="1738741" cy="604829"/>
            <a:chOff x="-1808527" y="-16654"/>
            <a:chExt cx="1738741" cy="604829"/>
          </a:xfrm>
        </p:grpSpPr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DA50FD8E-19D7-5B2F-6254-FB0B4BCB9871}"/>
                </a:ext>
              </a:extLst>
            </p:cNvPr>
            <p:cNvGrpSpPr/>
            <p:nvPr userDrawn="1"/>
          </p:nvGrpSpPr>
          <p:grpSpPr>
            <a:xfrm>
              <a:off x="-1808527" y="-16654"/>
              <a:ext cx="1738741" cy="604829"/>
              <a:chOff x="-2250002" y="21447"/>
              <a:chExt cx="1738741" cy="604829"/>
            </a:xfrm>
          </p:grpSpPr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C4213115-9842-67D1-D9D6-633479CDE9CB}"/>
                  </a:ext>
                </a:extLst>
              </p:cNvPr>
              <p:cNvSpPr txBox="1"/>
              <p:nvPr userDrawn="1"/>
            </p:nvSpPr>
            <p:spPr>
              <a:xfrm>
                <a:off x="-2250002" y="21447"/>
                <a:ext cx="343364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000" dirty="0">
                    <a:latin typeface="+mj-lt"/>
                    <a:ea typeface="Open Sans" panose="020B0606030504020204" pitchFamily="34" charset="0"/>
                    <a:cs typeface="Open Sans" panose="020B0606030504020204" pitchFamily="34" charset="0"/>
                  </a:rPr>
                  <a:t>By:</a:t>
                </a:r>
              </a:p>
            </p:txBody>
          </p:sp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BAEE582F-C1D0-CB4C-7244-58A246DA1C6C}"/>
                  </a:ext>
                </a:extLst>
              </p:cNvPr>
              <p:cNvSpPr txBox="1"/>
              <p:nvPr userDrawn="1"/>
            </p:nvSpPr>
            <p:spPr>
              <a:xfrm>
                <a:off x="-950805" y="380055"/>
                <a:ext cx="439544" cy="246221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000" dirty="0">
                    <a:latin typeface="+mj-lt"/>
                    <a:ea typeface="Open Sans" panose="020B0606030504020204" pitchFamily="34" charset="0"/>
                    <a:cs typeface="Open Sans" panose="020B0606030504020204" pitchFamily="34" charset="0"/>
                  </a:rPr>
                  <a:t>.com</a:t>
                </a:r>
              </a:p>
            </p:txBody>
          </p:sp>
        </p:grp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F5C23839-F8D9-FC13-F695-5873F14BAF9B}"/>
                </a:ext>
              </a:extLst>
            </p:cNvPr>
            <p:cNvGrpSpPr/>
            <p:nvPr userDrawn="1"/>
          </p:nvGrpSpPr>
          <p:grpSpPr>
            <a:xfrm>
              <a:off x="-1719071" y="218885"/>
              <a:ext cx="1547194" cy="159662"/>
              <a:chOff x="757647" y="1021854"/>
              <a:chExt cx="5325710" cy="549583"/>
            </a:xfrm>
          </p:grpSpPr>
          <p:sp>
            <p:nvSpPr>
              <p:cNvPr id="7" name="Shape">
                <a:extLst>
                  <a:ext uri="{FF2B5EF4-FFF2-40B4-BE49-F238E27FC236}">
                    <a16:creationId xmlns:a16="http://schemas.microsoft.com/office/drawing/2014/main" id="{D2DFAADE-AEEE-67C4-E631-0A26CC2A0487}"/>
                  </a:ext>
                </a:extLst>
              </p:cNvPr>
              <p:cNvSpPr/>
              <p:nvPr userDrawn="1"/>
            </p:nvSpPr>
            <p:spPr>
              <a:xfrm>
                <a:off x="757647" y="1022945"/>
                <a:ext cx="4193833" cy="54849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0" y="2662"/>
                    </a:moveTo>
                    <a:lnTo>
                      <a:pt x="882" y="2662"/>
                    </a:lnTo>
                    <a:cubicBezTo>
                      <a:pt x="1028" y="2662"/>
                      <a:pt x="1163" y="2791"/>
                      <a:pt x="1280" y="3049"/>
                    </a:cubicBezTo>
                    <a:cubicBezTo>
                      <a:pt x="1398" y="3307"/>
                      <a:pt x="1500" y="3693"/>
                      <a:pt x="1584" y="4165"/>
                    </a:cubicBezTo>
                    <a:cubicBezTo>
                      <a:pt x="1668" y="4638"/>
                      <a:pt x="1730" y="5239"/>
                      <a:pt x="1775" y="5969"/>
                    </a:cubicBezTo>
                    <a:cubicBezTo>
                      <a:pt x="1820" y="6656"/>
                      <a:pt x="1842" y="7472"/>
                      <a:pt x="1842" y="8374"/>
                    </a:cubicBezTo>
                    <a:cubicBezTo>
                      <a:pt x="1842" y="9447"/>
                      <a:pt x="1814" y="10392"/>
                      <a:pt x="1763" y="11165"/>
                    </a:cubicBezTo>
                    <a:cubicBezTo>
                      <a:pt x="1707" y="11938"/>
                      <a:pt x="1634" y="12625"/>
                      <a:pt x="1544" y="13140"/>
                    </a:cubicBezTo>
                    <a:cubicBezTo>
                      <a:pt x="1455" y="13656"/>
                      <a:pt x="1348" y="14042"/>
                      <a:pt x="1224" y="14300"/>
                    </a:cubicBezTo>
                    <a:cubicBezTo>
                      <a:pt x="1101" y="14557"/>
                      <a:pt x="972" y="14686"/>
                      <a:pt x="837" y="14686"/>
                    </a:cubicBezTo>
                    <a:lnTo>
                      <a:pt x="590" y="14686"/>
                    </a:lnTo>
                    <a:lnTo>
                      <a:pt x="590" y="21299"/>
                    </a:lnTo>
                    <a:lnTo>
                      <a:pt x="0" y="21299"/>
                    </a:lnTo>
                    <a:lnTo>
                      <a:pt x="0" y="2662"/>
                    </a:lnTo>
                    <a:close/>
                    <a:moveTo>
                      <a:pt x="584" y="11251"/>
                    </a:moveTo>
                    <a:lnTo>
                      <a:pt x="798" y="11251"/>
                    </a:lnTo>
                    <a:cubicBezTo>
                      <a:pt x="854" y="11251"/>
                      <a:pt x="910" y="11208"/>
                      <a:pt x="966" y="11122"/>
                    </a:cubicBezTo>
                    <a:cubicBezTo>
                      <a:pt x="1022" y="11036"/>
                      <a:pt x="1067" y="10864"/>
                      <a:pt x="1106" y="10650"/>
                    </a:cubicBezTo>
                    <a:cubicBezTo>
                      <a:pt x="1146" y="10435"/>
                      <a:pt x="1179" y="10177"/>
                      <a:pt x="1202" y="9834"/>
                    </a:cubicBezTo>
                    <a:cubicBezTo>
                      <a:pt x="1224" y="9490"/>
                      <a:pt x="1241" y="9104"/>
                      <a:pt x="1241" y="8588"/>
                    </a:cubicBezTo>
                    <a:cubicBezTo>
                      <a:pt x="1241" y="7730"/>
                      <a:pt x="1202" y="7085"/>
                      <a:pt x="1129" y="6656"/>
                    </a:cubicBezTo>
                    <a:cubicBezTo>
                      <a:pt x="1050" y="6227"/>
                      <a:pt x="955" y="6012"/>
                      <a:pt x="826" y="6012"/>
                    </a:cubicBezTo>
                    <a:lnTo>
                      <a:pt x="590" y="6012"/>
                    </a:lnTo>
                    <a:lnTo>
                      <a:pt x="590" y="11251"/>
                    </a:lnTo>
                    <a:close/>
                    <a:moveTo>
                      <a:pt x="2179" y="21256"/>
                    </a:moveTo>
                    <a:lnTo>
                      <a:pt x="2179" y="7085"/>
                    </a:lnTo>
                    <a:lnTo>
                      <a:pt x="2628" y="7085"/>
                    </a:lnTo>
                    <a:lnTo>
                      <a:pt x="2685" y="9576"/>
                    </a:lnTo>
                    <a:cubicBezTo>
                      <a:pt x="2707" y="9233"/>
                      <a:pt x="2735" y="8889"/>
                      <a:pt x="2769" y="8546"/>
                    </a:cubicBezTo>
                    <a:cubicBezTo>
                      <a:pt x="2802" y="8202"/>
                      <a:pt x="2842" y="7901"/>
                      <a:pt x="2887" y="7644"/>
                    </a:cubicBezTo>
                    <a:cubicBezTo>
                      <a:pt x="2932" y="7386"/>
                      <a:pt x="2988" y="7171"/>
                      <a:pt x="3044" y="7043"/>
                    </a:cubicBezTo>
                    <a:cubicBezTo>
                      <a:pt x="3106" y="6871"/>
                      <a:pt x="3173" y="6828"/>
                      <a:pt x="3246" y="6828"/>
                    </a:cubicBezTo>
                    <a:cubicBezTo>
                      <a:pt x="3302" y="6828"/>
                      <a:pt x="3353" y="6871"/>
                      <a:pt x="3403" y="7000"/>
                    </a:cubicBezTo>
                    <a:cubicBezTo>
                      <a:pt x="3448" y="7128"/>
                      <a:pt x="3488" y="7214"/>
                      <a:pt x="3516" y="7386"/>
                    </a:cubicBezTo>
                    <a:lnTo>
                      <a:pt x="3426" y="10779"/>
                    </a:lnTo>
                    <a:cubicBezTo>
                      <a:pt x="3398" y="10650"/>
                      <a:pt x="3364" y="10564"/>
                      <a:pt x="3319" y="10435"/>
                    </a:cubicBezTo>
                    <a:cubicBezTo>
                      <a:pt x="3274" y="10349"/>
                      <a:pt x="3224" y="10306"/>
                      <a:pt x="3156" y="10306"/>
                    </a:cubicBezTo>
                    <a:cubicBezTo>
                      <a:pt x="3038" y="10306"/>
                      <a:pt x="2937" y="10607"/>
                      <a:pt x="2859" y="11208"/>
                    </a:cubicBezTo>
                    <a:cubicBezTo>
                      <a:pt x="2780" y="11809"/>
                      <a:pt x="2741" y="12840"/>
                      <a:pt x="2741" y="14257"/>
                    </a:cubicBezTo>
                    <a:lnTo>
                      <a:pt x="2741" y="21342"/>
                    </a:lnTo>
                    <a:lnTo>
                      <a:pt x="2179" y="21342"/>
                    </a:lnTo>
                    <a:close/>
                    <a:moveTo>
                      <a:pt x="5279" y="15416"/>
                    </a:moveTo>
                    <a:lnTo>
                      <a:pt x="4083" y="15416"/>
                    </a:lnTo>
                    <a:lnTo>
                      <a:pt x="4083" y="15545"/>
                    </a:lnTo>
                    <a:cubicBezTo>
                      <a:pt x="4083" y="16533"/>
                      <a:pt x="4134" y="17263"/>
                      <a:pt x="4235" y="17692"/>
                    </a:cubicBezTo>
                    <a:cubicBezTo>
                      <a:pt x="4336" y="18165"/>
                      <a:pt x="4459" y="18379"/>
                      <a:pt x="4611" y="18379"/>
                    </a:cubicBezTo>
                    <a:cubicBezTo>
                      <a:pt x="4718" y="18379"/>
                      <a:pt x="4807" y="18293"/>
                      <a:pt x="4886" y="18165"/>
                    </a:cubicBezTo>
                    <a:cubicBezTo>
                      <a:pt x="4965" y="17993"/>
                      <a:pt x="5032" y="17821"/>
                      <a:pt x="5088" y="17606"/>
                    </a:cubicBezTo>
                    <a:lnTo>
                      <a:pt x="5195" y="20612"/>
                    </a:lnTo>
                    <a:cubicBezTo>
                      <a:pt x="5128" y="20870"/>
                      <a:pt x="5038" y="21085"/>
                      <a:pt x="4931" y="21299"/>
                    </a:cubicBezTo>
                    <a:cubicBezTo>
                      <a:pt x="4824" y="21514"/>
                      <a:pt x="4695" y="21600"/>
                      <a:pt x="4538" y="21600"/>
                    </a:cubicBezTo>
                    <a:cubicBezTo>
                      <a:pt x="4398" y="21600"/>
                      <a:pt x="4268" y="21471"/>
                      <a:pt x="4145" y="21171"/>
                    </a:cubicBezTo>
                    <a:cubicBezTo>
                      <a:pt x="4021" y="20870"/>
                      <a:pt x="3909" y="20441"/>
                      <a:pt x="3819" y="19839"/>
                    </a:cubicBezTo>
                    <a:cubicBezTo>
                      <a:pt x="3724" y="19238"/>
                      <a:pt x="3651" y="18508"/>
                      <a:pt x="3594" y="17606"/>
                    </a:cubicBezTo>
                    <a:cubicBezTo>
                      <a:pt x="3538" y="16705"/>
                      <a:pt x="3510" y="15631"/>
                      <a:pt x="3510" y="14343"/>
                    </a:cubicBezTo>
                    <a:cubicBezTo>
                      <a:pt x="3510" y="13226"/>
                      <a:pt x="3533" y="12196"/>
                      <a:pt x="3578" y="11251"/>
                    </a:cubicBezTo>
                    <a:cubicBezTo>
                      <a:pt x="3622" y="10306"/>
                      <a:pt x="3684" y="9533"/>
                      <a:pt x="3768" y="8846"/>
                    </a:cubicBezTo>
                    <a:cubicBezTo>
                      <a:pt x="3853" y="8159"/>
                      <a:pt x="3948" y="7644"/>
                      <a:pt x="4066" y="7300"/>
                    </a:cubicBezTo>
                    <a:cubicBezTo>
                      <a:pt x="4178" y="6957"/>
                      <a:pt x="4308" y="6742"/>
                      <a:pt x="4448" y="6742"/>
                    </a:cubicBezTo>
                    <a:cubicBezTo>
                      <a:pt x="4701" y="6742"/>
                      <a:pt x="4903" y="7343"/>
                      <a:pt x="5060" y="8503"/>
                    </a:cubicBezTo>
                    <a:cubicBezTo>
                      <a:pt x="5212" y="9662"/>
                      <a:pt x="5290" y="11380"/>
                      <a:pt x="5290" y="13527"/>
                    </a:cubicBezTo>
                    <a:lnTo>
                      <a:pt x="5290" y="15416"/>
                    </a:lnTo>
                    <a:close/>
                    <a:moveTo>
                      <a:pt x="4695" y="12453"/>
                    </a:moveTo>
                    <a:cubicBezTo>
                      <a:pt x="4695" y="12110"/>
                      <a:pt x="4690" y="11809"/>
                      <a:pt x="4678" y="11466"/>
                    </a:cubicBezTo>
                    <a:cubicBezTo>
                      <a:pt x="4667" y="11165"/>
                      <a:pt x="4650" y="10864"/>
                      <a:pt x="4628" y="10607"/>
                    </a:cubicBezTo>
                    <a:cubicBezTo>
                      <a:pt x="4605" y="10349"/>
                      <a:pt x="4577" y="10177"/>
                      <a:pt x="4544" y="10006"/>
                    </a:cubicBezTo>
                    <a:cubicBezTo>
                      <a:pt x="4510" y="9877"/>
                      <a:pt x="4465" y="9791"/>
                      <a:pt x="4420" y="9791"/>
                    </a:cubicBezTo>
                    <a:cubicBezTo>
                      <a:pt x="4330" y="9791"/>
                      <a:pt x="4257" y="10049"/>
                      <a:pt x="4195" y="10521"/>
                    </a:cubicBezTo>
                    <a:cubicBezTo>
                      <a:pt x="4134" y="10993"/>
                      <a:pt x="4100" y="11637"/>
                      <a:pt x="4089" y="12496"/>
                    </a:cubicBezTo>
                    <a:lnTo>
                      <a:pt x="4695" y="12453"/>
                    </a:lnTo>
                    <a:close/>
                    <a:moveTo>
                      <a:pt x="6773" y="10693"/>
                    </a:moveTo>
                    <a:cubicBezTo>
                      <a:pt x="6706" y="10435"/>
                      <a:pt x="6633" y="10220"/>
                      <a:pt x="6554" y="10091"/>
                    </a:cubicBezTo>
                    <a:cubicBezTo>
                      <a:pt x="6476" y="9963"/>
                      <a:pt x="6402" y="9877"/>
                      <a:pt x="6329" y="9877"/>
                    </a:cubicBezTo>
                    <a:cubicBezTo>
                      <a:pt x="6262" y="9877"/>
                      <a:pt x="6206" y="9963"/>
                      <a:pt x="6167" y="10134"/>
                    </a:cubicBezTo>
                    <a:cubicBezTo>
                      <a:pt x="6127" y="10306"/>
                      <a:pt x="6105" y="10564"/>
                      <a:pt x="6105" y="10864"/>
                    </a:cubicBezTo>
                    <a:cubicBezTo>
                      <a:pt x="6105" y="11208"/>
                      <a:pt x="6127" y="11466"/>
                      <a:pt x="6167" y="11723"/>
                    </a:cubicBezTo>
                    <a:cubicBezTo>
                      <a:pt x="6206" y="11938"/>
                      <a:pt x="6285" y="12196"/>
                      <a:pt x="6402" y="12453"/>
                    </a:cubicBezTo>
                    <a:lnTo>
                      <a:pt x="6520" y="12711"/>
                    </a:lnTo>
                    <a:cubicBezTo>
                      <a:pt x="6672" y="13054"/>
                      <a:pt x="6790" y="13570"/>
                      <a:pt x="6869" y="14257"/>
                    </a:cubicBezTo>
                    <a:cubicBezTo>
                      <a:pt x="6947" y="14944"/>
                      <a:pt x="6987" y="15803"/>
                      <a:pt x="6987" y="16876"/>
                    </a:cubicBezTo>
                    <a:cubicBezTo>
                      <a:pt x="6987" y="17563"/>
                      <a:pt x="6970" y="18208"/>
                      <a:pt x="6930" y="18809"/>
                    </a:cubicBezTo>
                    <a:cubicBezTo>
                      <a:pt x="6891" y="19410"/>
                      <a:pt x="6835" y="19882"/>
                      <a:pt x="6768" y="20312"/>
                    </a:cubicBezTo>
                    <a:cubicBezTo>
                      <a:pt x="6695" y="20741"/>
                      <a:pt x="6610" y="21042"/>
                      <a:pt x="6515" y="21256"/>
                    </a:cubicBezTo>
                    <a:cubicBezTo>
                      <a:pt x="6414" y="21471"/>
                      <a:pt x="6307" y="21600"/>
                      <a:pt x="6183" y="21600"/>
                    </a:cubicBezTo>
                    <a:cubicBezTo>
                      <a:pt x="6054" y="21600"/>
                      <a:pt x="5936" y="21514"/>
                      <a:pt x="5835" y="21342"/>
                    </a:cubicBezTo>
                    <a:cubicBezTo>
                      <a:pt x="5734" y="21171"/>
                      <a:pt x="5639" y="20913"/>
                      <a:pt x="5554" y="20569"/>
                    </a:cubicBezTo>
                    <a:lnTo>
                      <a:pt x="5678" y="17435"/>
                    </a:lnTo>
                    <a:cubicBezTo>
                      <a:pt x="5751" y="17735"/>
                      <a:pt x="5830" y="17950"/>
                      <a:pt x="5914" y="18165"/>
                    </a:cubicBezTo>
                    <a:cubicBezTo>
                      <a:pt x="5993" y="18336"/>
                      <a:pt x="6077" y="18465"/>
                      <a:pt x="6161" y="18465"/>
                    </a:cubicBezTo>
                    <a:cubicBezTo>
                      <a:pt x="6256" y="18465"/>
                      <a:pt x="6329" y="18336"/>
                      <a:pt x="6369" y="18122"/>
                    </a:cubicBezTo>
                    <a:cubicBezTo>
                      <a:pt x="6408" y="17907"/>
                      <a:pt x="6431" y="17649"/>
                      <a:pt x="6431" y="17349"/>
                    </a:cubicBezTo>
                    <a:cubicBezTo>
                      <a:pt x="6431" y="17177"/>
                      <a:pt x="6425" y="17005"/>
                      <a:pt x="6419" y="16876"/>
                    </a:cubicBezTo>
                    <a:cubicBezTo>
                      <a:pt x="6408" y="16748"/>
                      <a:pt x="6397" y="16619"/>
                      <a:pt x="6369" y="16490"/>
                    </a:cubicBezTo>
                    <a:cubicBezTo>
                      <a:pt x="6346" y="16361"/>
                      <a:pt x="6313" y="16275"/>
                      <a:pt x="6268" y="16146"/>
                    </a:cubicBezTo>
                    <a:cubicBezTo>
                      <a:pt x="6223" y="16017"/>
                      <a:pt x="6172" y="15889"/>
                      <a:pt x="6105" y="15760"/>
                    </a:cubicBezTo>
                    <a:lnTo>
                      <a:pt x="5987" y="15502"/>
                    </a:lnTo>
                    <a:cubicBezTo>
                      <a:pt x="5835" y="15116"/>
                      <a:pt x="5723" y="14600"/>
                      <a:pt x="5656" y="13956"/>
                    </a:cubicBezTo>
                    <a:cubicBezTo>
                      <a:pt x="5588" y="13312"/>
                      <a:pt x="5549" y="12410"/>
                      <a:pt x="5549" y="11294"/>
                    </a:cubicBezTo>
                    <a:cubicBezTo>
                      <a:pt x="5549" y="10650"/>
                      <a:pt x="5566" y="10049"/>
                      <a:pt x="5599" y="9490"/>
                    </a:cubicBezTo>
                    <a:cubicBezTo>
                      <a:pt x="5633" y="8932"/>
                      <a:pt x="5684" y="8460"/>
                      <a:pt x="5745" y="8073"/>
                    </a:cubicBezTo>
                    <a:cubicBezTo>
                      <a:pt x="5807" y="7687"/>
                      <a:pt x="5886" y="7343"/>
                      <a:pt x="5976" y="7128"/>
                    </a:cubicBezTo>
                    <a:cubicBezTo>
                      <a:pt x="6066" y="6914"/>
                      <a:pt x="6172" y="6785"/>
                      <a:pt x="6290" y="6785"/>
                    </a:cubicBezTo>
                    <a:cubicBezTo>
                      <a:pt x="6408" y="6785"/>
                      <a:pt x="6520" y="6871"/>
                      <a:pt x="6622" y="7043"/>
                    </a:cubicBezTo>
                    <a:cubicBezTo>
                      <a:pt x="6723" y="7214"/>
                      <a:pt x="6812" y="7429"/>
                      <a:pt x="6897" y="7730"/>
                    </a:cubicBezTo>
                    <a:lnTo>
                      <a:pt x="6773" y="10693"/>
                    </a:lnTo>
                    <a:close/>
                    <a:moveTo>
                      <a:pt x="8992" y="15416"/>
                    </a:moveTo>
                    <a:lnTo>
                      <a:pt x="7795" y="15416"/>
                    </a:lnTo>
                    <a:lnTo>
                      <a:pt x="7795" y="15545"/>
                    </a:lnTo>
                    <a:cubicBezTo>
                      <a:pt x="7795" y="16533"/>
                      <a:pt x="7846" y="17263"/>
                      <a:pt x="7947" y="17692"/>
                    </a:cubicBezTo>
                    <a:cubicBezTo>
                      <a:pt x="8048" y="18165"/>
                      <a:pt x="8172" y="18379"/>
                      <a:pt x="8323" y="18379"/>
                    </a:cubicBezTo>
                    <a:cubicBezTo>
                      <a:pt x="8430" y="18379"/>
                      <a:pt x="8520" y="18293"/>
                      <a:pt x="8598" y="18165"/>
                    </a:cubicBezTo>
                    <a:cubicBezTo>
                      <a:pt x="8677" y="17993"/>
                      <a:pt x="8744" y="17821"/>
                      <a:pt x="8801" y="17606"/>
                    </a:cubicBezTo>
                    <a:lnTo>
                      <a:pt x="8907" y="20612"/>
                    </a:lnTo>
                    <a:cubicBezTo>
                      <a:pt x="8840" y="20870"/>
                      <a:pt x="8750" y="21085"/>
                      <a:pt x="8643" y="21299"/>
                    </a:cubicBezTo>
                    <a:cubicBezTo>
                      <a:pt x="8537" y="21514"/>
                      <a:pt x="8407" y="21600"/>
                      <a:pt x="8250" y="21600"/>
                    </a:cubicBezTo>
                    <a:cubicBezTo>
                      <a:pt x="8110" y="21600"/>
                      <a:pt x="7981" y="21471"/>
                      <a:pt x="7857" y="21171"/>
                    </a:cubicBezTo>
                    <a:cubicBezTo>
                      <a:pt x="7734" y="20870"/>
                      <a:pt x="7621" y="20441"/>
                      <a:pt x="7531" y="19839"/>
                    </a:cubicBezTo>
                    <a:cubicBezTo>
                      <a:pt x="7436" y="19238"/>
                      <a:pt x="7363" y="18508"/>
                      <a:pt x="7307" y="17606"/>
                    </a:cubicBezTo>
                    <a:cubicBezTo>
                      <a:pt x="7251" y="16705"/>
                      <a:pt x="7222" y="15631"/>
                      <a:pt x="7222" y="14343"/>
                    </a:cubicBezTo>
                    <a:cubicBezTo>
                      <a:pt x="7222" y="13226"/>
                      <a:pt x="7245" y="12196"/>
                      <a:pt x="7290" y="11251"/>
                    </a:cubicBezTo>
                    <a:cubicBezTo>
                      <a:pt x="7335" y="10306"/>
                      <a:pt x="7397" y="9533"/>
                      <a:pt x="7481" y="8846"/>
                    </a:cubicBezTo>
                    <a:cubicBezTo>
                      <a:pt x="7565" y="8159"/>
                      <a:pt x="7661" y="7644"/>
                      <a:pt x="7778" y="7300"/>
                    </a:cubicBezTo>
                    <a:cubicBezTo>
                      <a:pt x="7891" y="6957"/>
                      <a:pt x="8020" y="6742"/>
                      <a:pt x="8160" y="6742"/>
                    </a:cubicBezTo>
                    <a:cubicBezTo>
                      <a:pt x="8413" y="6742"/>
                      <a:pt x="8615" y="7343"/>
                      <a:pt x="8773" y="8503"/>
                    </a:cubicBezTo>
                    <a:cubicBezTo>
                      <a:pt x="8924" y="9662"/>
                      <a:pt x="9003" y="11380"/>
                      <a:pt x="9003" y="13527"/>
                    </a:cubicBezTo>
                    <a:lnTo>
                      <a:pt x="9003" y="15416"/>
                    </a:lnTo>
                    <a:close/>
                    <a:moveTo>
                      <a:pt x="8413" y="12453"/>
                    </a:moveTo>
                    <a:cubicBezTo>
                      <a:pt x="8413" y="12110"/>
                      <a:pt x="8407" y="11809"/>
                      <a:pt x="8396" y="11466"/>
                    </a:cubicBezTo>
                    <a:cubicBezTo>
                      <a:pt x="8385" y="11165"/>
                      <a:pt x="8368" y="10864"/>
                      <a:pt x="8346" y="10607"/>
                    </a:cubicBezTo>
                    <a:cubicBezTo>
                      <a:pt x="8323" y="10349"/>
                      <a:pt x="8295" y="10177"/>
                      <a:pt x="8261" y="10006"/>
                    </a:cubicBezTo>
                    <a:cubicBezTo>
                      <a:pt x="8228" y="9834"/>
                      <a:pt x="8183" y="9791"/>
                      <a:pt x="8138" y="9791"/>
                    </a:cubicBezTo>
                    <a:cubicBezTo>
                      <a:pt x="8048" y="9791"/>
                      <a:pt x="7975" y="10049"/>
                      <a:pt x="7913" y="10521"/>
                    </a:cubicBezTo>
                    <a:cubicBezTo>
                      <a:pt x="7851" y="10993"/>
                      <a:pt x="7818" y="11637"/>
                      <a:pt x="7807" y="12496"/>
                    </a:cubicBezTo>
                    <a:lnTo>
                      <a:pt x="8413" y="12453"/>
                    </a:lnTo>
                    <a:close/>
                    <a:moveTo>
                      <a:pt x="9913" y="21256"/>
                    </a:moveTo>
                    <a:lnTo>
                      <a:pt x="9340" y="21256"/>
                    </a:lnTo>
                    <a:lnTo>
                      <a:pt x="9340" y="7085"/>
                    </a:lnTo>
                    <a:lnTo>
                      <a:pt x="9783" y="7085"/>
                    </a:lnTo>
                    <a:lnTo>
                      <a:pt x="9851" y="8846"/>
                    </a:lnTo>
                    <a:cubicBezTo>
                      <a:pt x="9935" y="8202"/>
                      <a:pt x="10025" y="7687"/>
                      <a:pt x="10126" y="7300"/>
                    </a:cubicBezTo>
                    <a:cubicBezTo>
                      <a:pt x="10227" y="6914"/>
                      <a:pt x="10339" y="6742"/>
                      <a:pt x="10463" y="6742"/>
                    </a:cubicBezTo>
                    <a:cubicBezTo>
                      <a:pt x="10671" y="6742"/>
                      <a:pt x="10828" y="7171"/>
                      <a:pt x="10940" y="8030"/>
                    </a:cubicBezTo>
                    <a:cubicBezTo>
                      <a:pt x="11053" y="8889"/>
                      <a:pt x="11109" y="10177"/>
                      <a:pt x="11109" y="11852"/>
                    </a:cubicBezTo>
                    <a:lnTo>
                      <a:pt x="11109" y="21214"/>
                    </a:lnTo>
                    <a:lnTo>
                      <a:pt x="10536" y="21214"/>
                    </a:lnTo>
                    <a:lnTo>
                      <a:pt x="10536" y="12281"/>
                    </a:lnTo>
                    <a:cubicBezTo>
                      <a:pt x="10536" y="11594"/>
                      <a:pt x="10514" y="11036"/>
                      <a:pt x="10474" y="10650"/>
                    </a:cubicBezTo>
                    <a:cubicBezTo>
                      <a:pt x="10429" y="10263"/>
                      <a:pt x="10368" y="10048"/>
                      <a:pt x="10289" y="10048"/>
                    </a:cubicBezTo>
                    <a:cubicBezTo>
                      <a:pt x="10227" y="10048"/>
                      <a:pt x="10160" y="10177"/>
                      <a:pt x="10092" y="10478"/>
                    </a:cubicBezTo>
                    <a:cubicBezTo>
                      <a:pt x="10025" y="10736"/>
                      <a:pt x="9963" y="11122"/>
                      <a:pt x="9913" y="11551"/>
                    </a:cubicBezTo>
                    <a:lnTo>
                      <a:pt x="9913" y="21256"/>
                    </a:lnTo>
                    <a:close/>
                    <a:moveTo>
                      <a:pt x="12687" y="10220"/>
                    </a:moveTo>
                    <a:lnTo>
                      <a:pt x="12215" y="10220"/>
                    </a:lnTo>
                    <a:lnTo>
                      <a:pt x="12215" y="16189"/>
                    </a:lnTo>
                    <a:cubicBezTo>
                      <a:pt x="12215" y="16833"/>
                      <a:pt x="12232" y="17306"/>
                      <a:pt x="12271" y="17563"/>
                    </a:cubicBezTo>
                    <a:cubicBezTo>
                      <a:pt x="12311" y="17821"/>
                      <a:pt x="12361" y="17950"/>
                      <a:pt x="12429" y="17950"/>
                    </a:cubicBezTo>
                    <a:cubicBezTo>
                      <a:pt x="12479" y="17950"/>
                      <a:pt x="12530" y="17907"/>
                      <a:pt x="12580" y="17821"/>
                    </a:cubicBezTo>
                    <a:cubicBezTo>
                      <a:pt x="12631" y="17735"/>
                      <a:pt x="12670" y="17649"/>
                      <a:pt x="12698" y="17478"/>
                    </a:cubicBezTo>
                    <a:lnTo>
                      <a:pt x="12783" y="20441"/>
                    </a:lnTo>
                    <a:cubicBezTo>
                      <a:pt x="12738" y="20612"/>
                      <a:pt x="12670" y="20784"/>
                      <a:pt x="12586" y="20956"/>
                    </a:cubicBezTo>
                    <a:cubicBezTo>
                      <a:pt x="12496" y="21128"/>
                      <a:pt x="12401" y="21213"/>
                      <a:pt x="12305" y="21213"/>
                    </a:cubicBezTo>
                    <a:cubicBezTo>
                      <a:pt x="12064" y="21213"/>
                      <a:pt x="11895" y="20870"/>
                      <a:pt x="11800" y="20140"/>
                    </a:cubicBezTo>
                    <a:cubicBezTo>
                      <a:pt x="11699" y="19453"/>
                      <a:pt x="11654" y="18379"/>
                      <a:pt x="11654" y="16919"/>
                    </a:cubicBezTo>
                    <a:lnTo>
                      <a:pt x="11654" y="10220"/>
                    </a:lnTo>
                    <a:lnTo>
                      <a:pt x="11362" y="10220"/>
                    </a:lnTo>
                    <a:lnTo>
                      <a:pt x="11362" y="7085"/>
                    </a:lnTo>
                    <a:lnTo>
                      <a:pt x="11654" y="7085"/>
                    </a:lnTo>
                    <a:lnTo>
                      <a:pt x="11654" y="2791"/>
                    </a:lnTo>
                    <a:lnTo>
                      <a:pt x="12221" y="2791"/>
                    </a:lnTo>
                    <a:lnTo>
                      <a:pt x="12221" y="7085"/>
                    </a:lnTo>
                    <a:lnTo>
                      <a:pt x="12693" y="7085"/>
                    </a:lnTo>
                    <a:lnTo>
                      <a:pt x="12693" y="10220"/>
                    </a:lnTo>
                    <a:close/>
                    <a:moveTo>
                      <a:pt x="13069" y="8331"/>
                    </a:moveTo>
                    <a:cubicBezTo>
                      <a:pt x="13176" y="7858"/>
                      <a:pt x="13294" y="7472"/>
                      <a:pt x="13428" y="7214"/>
                    </a:cubicBezTo>
                    <a:cubicBezTo>
                      <a:pt x="13563" y="6914"/>
                      <a:pt x="13698" y="6785"/>
                      <a:pt x="13833" y="6785"/>
                    </a:cubicBezTo>
                    <a:cubicBezTo>
                      <a:pt x="14063" y="6785"/>
                      <a:pt x="14243" y="7214"/>
                      <a:pt x="14383" y="8073"/>
                    </a:cubicBezTo>
                    <a:cubicBezTo>
                      <a:pt x="14524" y="8932"/>
                      <a:pt x="14591" y="10263"/>
                      <a:pt x="14591" y="12110"/>
                    </a:cubicBezTo>
                    <a:lnTo>
                      <a:pt x="14591" y="21299"/>
                    </a:lnTo>
                    <a:lnTo>
                      <a:pt x="14153" y="21299"/>
                    </a:lnTo>
                    <a:lnTo>
                      <a:pt x="14102" y="19882"/>
                    </a:lnTo>
                    <a:lnTo>
                      <a:pt x="14085" y="19882"/>
                    </a:lnTo>
                    <a:cubicBezTo>
                      <a:pt x="14035" y="20398"/>
                      <a:pt x="13962" y="20827"/>
                      <a:pt x="13872" y="21128"/>
                    </a:cubicBezTo>
                    <a:cubicBezTo>
                      <a:pt x="13782" y="21471"/>
                      <a:pt x="13676" y="21600"/>
                      <a:pt x="13552" y="21600"/>
                    </a:cubicBezTo>
                    <a:cubicBezTo>
                      <a:pt x="13445" y="21600"/>
                      <a:pt x="13355" y="21471"/>
                      <a:pt x="13277" y="21256"/>
                    </a:cubicBezTo>
                    <a:cubicBezTo>
                      <a:pt x="13198" y="21042"/>
                      <a:pt x="13131" y="20698"/>
                      <a:pt x="13080" y="20312"/>
                    </a:cubicBezTo>
                    <a:cubicBezTo>
                      <a:pt x="13030" y="19925"/>
                      <a:pt x="12990" y="19453"/>
                      <a:pt x="12962" y="18895"/>
                    </a:cubicBezTo>
                    <a:cubicBezTo>
                      <a:pt x="12934" y="18336"/>
                      <a:pt x="12923" y="17778"/>
                      <a:pt x="12923" y="17177"/>
                    </a:cubicBezTo>
                    <a:cubicBezTo>
                      <a:pt x="12923" y="16361"/>
                      <a:pt x="12945" y="15631"/>
                      <a:pt x="12996" y="15073"/>
                    </a:cubicBezTo>
                    <a:cubicBezTo>
                      <a:pt x="13041" y="14472"/>
                      <a:pt x="13108" y="13999"/>
                      <a:pt x="13187" y="13613"/>
                    </a:cubicBezTo>
                    <a:cubicBezTo>
                      <a:pt x="13266" y="13226"/>
                      <a:pt x="13361" y="12969"/>
                      <a:pt x="13473" y="12797"/>
                    </a:cubicBezTo>
                    <a:cubicBezTo>
                      <a:pt x="13580" y="12625"/>
                      <a:pt x="13698" y="12539"/>
                      <a:pt x="13822" y="12539"/>
                    </a:cubicBezTo>
                    <a:lnTo>
                      <a:pt x="14012" y="12539"/>
                    </a:lnTo>
                    <a:lnTo>
                      <a:pt x="14012" y="11766"/>
                    </a:lnTo>
                    <a:cubicBezTo>
                      <a:pt x="14012" y="11251"/>
                      <a:pt x="13990" y="10821"/>
                      <a:pt x="13939" y="10564"/>
                    </a:cubicBezTo>
                    <a:cubicBezTo>
                      <a:pt x="13889" y="10263"/>
                      <a:pt x="13822" y="10134"/>
                      <a:pt x="13732" y="10134"/>
                    </a:cubicBezTo>
                    <a:cubicBezTo>
                      <a:pt x="13653" y="10134"/>
                      <a:pt x="13580" y="10220"/>
                      <a:pt x="13501" y="10392"/>
                    </a:cubicBezTo>
                    <a:cubicBezTo>
                      <a:pt x="13428" y="10564"/>
                      <a:pt x="13344" y="10864"/>
                      <a:pt x="13254" y="11251"/>
                    </a:cubicBezTo>
                    <a:lnTo>
                      <a:pt x="13069" y="8331"/>
                    </a:lnTo>
                    <a:close/>
                    <a:moveTo>
                      <a:pt x="14024" y="15116"/>
                    </a:moveTo>
                    <a:lnTo>
                      <a:pt x="13895" y="15159"/>
                    </a:lnTo>
                    <a:cubicBezTo>
                      <a:pt x="13822" y="15159"/>
                      <a:pt x="13760" y="15245"/>
                      <a:pt x="13715" y="15330"/>
                    </a:cubicBezTo>
                    <a:cubicBezTo>
                      <a:pt x="13664" y="15416"/>
                      <a:pt x="13625" y="15545"/>
                      <a:pt x="13597" y="15717"/>
                    </a:cubicBezTo>
                    <a:cubicBezTo>
                      <a:pt x="13569" y="15846"/>
                      <a:pt x="13546" y="16060"/>
                      <a:pt x="13535" y="16232"/>
                    </a:cubicBezTo>
                    <a:cubicBezTo>
                      <a:pt x="13524" y="16447"/>
                      <a:pt x="13518" y="16662"/>
                      <a:pt x="13518" y="16876"/>
                    </a:cubicBezTo>
                    <a:cubicBezTo>
                      <a:pt x="13518" y="17478"/>
                      <a:pt x="13541" y="17907"/>
                      <a:pt x="13591" y="18122"/>
                    </a:cubicBezTo>
                    <a:cubicBezTo>
                      <a:pt x="13636" y="18336"/>
                      <a:pt x="13692" y="18465"/>
                      <a:pt x="13754" y="18465"/>
                    </a:cubicBezTo>
                    <a:cubicBezTo>
                      <a:pt x="13816" y="18465"/>
                      <a:pt x="13872" y="18336"/>
                      <a:pt x="13923" y="18036"/>
                    </a:cubicBezTo>
                    <a:cubicBezTo>
                      <a:pt x="13973" y="17778"/>
                      <a:pt x="14007" y="17478"/>
                      <a:pt x="14029" y="17134"/>
                    </a:cubicBezTo>
                    <a:lnTo>
                      <a:pt x="14029" y="15116"/>
                    </a:lnTo>
                    <a:close/>
                    <a:moveTo>
                      <a:pt x="16192" y="10220"/>
                    </a:moveTo>
                    <a:lnTo>
                      <a:pt x="15720" y="10220"/>
                    </a:lnTo>
                    <a:lnTo>
                      <a:pt x="15720" y="16189"/>
                    </a:lnTo>
                    <a:cubicBezTo>
                      <a:pt x="15720" y="16833"/>
                      <a:pt x="15737" y="17306"/>
                      <a:pt x="15776" y="17563"/>
                    </a:cubicBezTo>
                    <a:cubicBezTo>
                      <a:pt x="15815" y="17821"/>
                      <a:pt x="15866" y="17950"/>
                      <a:pt x="15933" y="17950"/>
                    </a:cubicBezTo>
                    <a:cubicBezTo>
                      <a:pt x="15984" y="17950"/>
                      <a:pt x="16034" y="17907"/>
                      <a:pt x="16085" y="17821"/>
                    </a:cubicBezTo>
                    <a:cubicBezTo>
                      <a:pt x="16135" y="17735"/>
                      <a:pt x="16175" y="17649"/>
                      <a:pt x="16203" y="17478"/>
                    </a:cubicBezTo>
                    <a:lnTo>
                      <a:pt x="16287" y="20441"/>
                    </a:lnTo>
                    <a:cubicBezTo>
                      <a:pt x="16242" y="20612"/>
                      <a:pt x="16175" y="20784"/>
                      <a:pt x="16090" y="20956"/>
                    </a:cubicBezTo>
                    <a:cubicBezTo>
                      <a:pt x="16001" y="21128"/>
                      <a:pt x="15905" y="21213"/>
                      <a:pt x="15810" y="21213"/>
                    </a:cubicBezTo>
                    <a:cubicBezTo>
                      <a:pt x="15568" y="21213"/>
                      <a:pt x="15400" y="20870"/>
                      <a:pt x="15304" y="20140"/>
                    </a:cubicBezTo>
                    <a:cubicBezTo>
                      <a:pt x="15203" y="19453"/>
                      <a:pt x="15158" y="18379"/>
                      <a:pt x="15158" y="16919"/>
                    </a:cubicBezTo>
                    <a:lnTo>
                      <a:pt x="15158" y="10220"/>
                    </a:lnTo>
                    <a:lnTo>
                      <a:pt x="14866" y="10220"/>
                    </a:lnTo>
                    <a:lnTo>
                      <a:pt x="14866" y="7085"/>
                    </a:lnTo>
                    <a:lnTo>
                      <a:pt x="15158" y="7085"/>
                    </a:lnTo>
                    <a:lnTo>
                      <a:pt x="15158" y="2791"/>
                    </a:lnTo>
                    <a:lnTo>
                      <a:pt x="15725" y="2791"/>
                    </a:lnTo>
                    <a:lnTo>
                      <a:pt x="15725" y="7085"/>
                    </a:lnTo>
                    <a:lnTo>
                      <a:pt x="16197" y="7085"/>
                    </a:lnTo>
                    <a:lnTo>
                      <a:pt x="16197" y="10220"/>
                    </a:lnTo>
                    <a:close/>
                    <a:moveTo>
                      <a:pt x="16871" y="4294"/>
                    </a:moveTo>
                    <a:cubicBezTo>
                      <a:pt x="16776" y="4294"/>
                      <a:pt x="16697" y="4080"/>
                      <a:pt x="16646" y="3650"/>
                    </a:cubicBezTo>
                    <a:cubicBezTo>
                      <a:pt x="16596" y="3221"/>
                      <a:pt x="16568" y="2705"/>
                      <a:pt x="16568" y="2147"/>
                    </a:cubicBezTo>
                    <a:cubicBezTo>
                      <a:pt x="16568" y="1546"/>
                      <a:pt x="16596" y="1031"/>
                      <a:pt x="16646" y="644"/>
                    </a:cubicBezTo>
                    <a:cubicBezTo>
                      <a:pt x="16697" y="215"/>
                      <a:pt x="16776" y="0"/>
                      <a:pt x="16866" y="0"/>
                    </a:cubicBezTo>
                    <a:cubicBezTo>
                      <a:pt x="16961" y="0"/>
                      <a:pt x="17034" y="215"/>
                      <a:pt x="17085" y="601"/>
                    </a:cubicBezTo>
                    <a:cubicBezTo>
                      <a:pt x="17135" y="1031"/>
                      <a:pt x="17163" y="1546"/>
                      <a:pt x="17163" y="2147"/>
                    </a:cubicBezTo>
                    <a:cubicBezTo>
                      <a:pt x="17163" y="2748"/>
                      <a:pt x="17135" y="3264"/>
                      <a:pt x="17085" y="3693"/>
                    </a:cubicBezTo>
                    <a:cubicBezTo>
                      <a:pt x="17045" y="4122"/>
                      <a:pt x="16972" y="4294"/>
                      <a:pt x="16871" y="4294"/>
                    </a:cubicBezTo>
                    <a:close/>
                    <a:moveTo>
                      <a:pt x="16585" y="21256"/>
                    </a:moveTo>
                    <a:lnTo>
                      <a:pt x="16585" y="7085"/>
                    </a:lnTo>
                    <a:lnTo>
                      <a:pt x="17158" y="7085"/>
                    </a:lnTo>
                    <a:lnTo>
                      <a:pt x="17158" y="21256"/>
                    </a:lnTo>
                    <a:lnTo>
                      <a:pt x="16585" y="21256"/>
                    </a:lnTo>
                    <a:close/>
                    <a:moveTo>
                      <a:pt x="19477" y="14085"/>
                    </a:moveTo>
                    <a:cubicBezTo>
                      <a:pt x="19477" y="15245"/>
                      <a:pt x="19455" y="16275"/>
                      <a:pt x="19404" y="17220"/>
                    </a:cubicBezTo>
                    <a:cubicBezTo>
                      <a:pt x="19354" y="18165"/>
                      <a:pt x="19286" y="18938"/>
                      <a:pt x="19196" y="19582"/>
                    </a:cubicBezTo>
                    <a:cubicBezTo>
                      <a:pt x="19106" y="20226"/>
                      <a:pt x="19005" y="20741"/>
                      <a:pt x="18887" y="21085"/>
                    </a:cubicBezTo>
                    <a:cubicBezTo>
                      <a:pt x="18769" y="21428"/>
                      <a:pt x="18640" y="21600"/>
                      <a:pt x="18505" y="21600"/>
                    </a:cubicBezTo>
                    <a:cubicBezTo>
                      <a:pt x="18371" y="21600"/>
                      <a:pt x="18241" y="21428"/>
                      <a:pt x="18124" y="21128"/>
                    </a:cubicBezTo>
                    <a:cubicBezTo>
                      <a:pt x="18006" y="20784"/>
                      <a:pt x="17905" y="20355"/>
                      <a:pt x="17820" y="19711"/>
                    </a:cubicBezTo>
                    <a:cubicBezTo>
                      <a:pt x="17736" y="19109"/>
                      <a:pt x="17669" y="18336"/>
                      <a:pt x="17618" y="17435"/>
                    </a:cubicBezTo>
                    <a:cubicBezTo>
                      <a:pt x="17568" y="16533"/>
                      <a:pt x="17545" y="15502"/>
                      <a:pt x="17545" y="14386"/>
                    </a:cubicBezTo>
                    <a:cubicBezTo>
                      <a:pt x="17545" y="13183"/>
                      <a:pt x="17568" y="12110"/>
                      <a:pt x="17618" y="11165"/>
                    </a:cubicBezTo>
                    <a:cubicBezTo>
                      <a:pt x="17669" y="10220"/>
                      <a:pt x="17736" y="9404"/>
                      <a:pt x="17826" y="8760"/>
                    </a:cubicBezTo>
                    <a:cubicBezTo>
                      <a:pt x="17916" y="8116"/>
                      <a:pt x="18017" y="7601"/>
                      <a:pt x="18135" y="7257"/>
                    </a:cubicBezTo>
                    <a:cubicBezTo>
                      <a:pt x="18253" y="6914"/>
                      <a:pt x="18382" y="6742"/>
                      <a:pt x="18517" y="6742"/>
                    </a:cubicBezTo>
                    <a:cubicBezTo>
                      <a:pt x="18651" y="6742"/>
                      <a:pt x="18781" y="6914"/>
                      <a:pt x="18899" y="7214"/>
                    </a:cubicBezTo>
                    <a:cubicBezTo>
                      <a:pt x="19017" y="7515"/>
                      <a:pt x="19118" y="7987"/>
                      <a:pt x="19202" y="8631"/>
                    </a:cubicBezTo>
                    <a:cubicBezTo>
                      <a:pt x="19286" y="9233"/>
                      <a:pt x="19354" y="10006"/>
                      <a:pt x="19404" y="10907"/>
                    </a:cubicBezTo>
                    <a:cubicBezTo>
                      <a:pt x="19455" y="11809"/>
                      <a:pt x="19477" y="12883"/>
                      <a:pt x="19477" y="14085"/>
                    </a:cubicBezTo>
                    <a:close/>
                    <a:moveTo>
                      <a:pt x="18893" y="14214"/>
                    </a:moveTo>
                    <a:cubicBezTo>
                      <a:pt x="18893" y="13441"/>
                      <a:pt x="18882" y="12797"/>
                      <a:pt x="18865" y="12239"/>
                    </a:cubicBezTo>
                    <a:cubicBezTo>
                      <a:pt x="18842" y="11680"/>
                      <a:pt x="18814" y="11251"/>
                      <a:pt x="18781" y="10907"/>
                    </a:cubicBezTo>
                    <a:cubicBezTo>
                      <a:pt x="18747" y="10564"/>
                      <a:pt x="18702" y="10306"/>
                      <a:pt x="18657" y="10134"/>
                    </a:cubicBezTo>
                    <a:cubicBezTo>
                      <a:pt x="18612" y="9963"/>
                      <a:pt x="18562" y="9920"/>
                      <a:pt x="18517" y="9920"/>
                    </a:cubicBezTo>
                    <a:cubicBezTo>
                      <a:pt x="18466" y="9920"/>
                      <a:pt x="18421" y="10006"/>
                      <a:pt x="18376" y="10134"/>
                    </a:cubicBezTo>
                    <a:cubicBezTo>
                      <a:pt x="18331" y="10263"/>
                      <a:pt x="18292" y="10521"/>
                      <a:pt x="18258" y="10821"/>
                    </a:cubicBezTo>
                    <a:cubicBezTo>
                      <a:pt x="18225" y="11165"/>
                      <a:pt x="18197" y="11594"/>
                      <a:pt x="18174" y="12153"/>
                    </a:cubicBezTo>
                    <a:cubicBezTo>
                      <a:pt x="18152" y="12711"/>
                      <a:pt x="18146" y="13355"/>
                      <a:pt x="18146" y="14214"/>
                    </a:cubicBezTo>
                    <a:cubicBezTo>
                      <a:pt x="18146" y="15631"/>
                      <a:pt x="18185" y="16705"/>
                      <a:pt x="18264" y="17349"/>
                    </a:cubicBezTo>
                    <a:cubicBezTo>
                      <a:pt x="18343" y="18036"/>
                      <a:pt x="18432" y="18336"/>
                      <a:pt x="18528" y="18336"/>
                    </a:cubicBezTo>
                    <a:cubicBezTo>
                      <a:pt x="18578" y="18336"/>
                      <a:pt x="18623" y="18250"/>
                      <a:pt x="18668" y="18122"/>
                    </a:cubicBezTo>
                    <a:cubicBezTo>
                      <a:pt x="18713" y="17993"/>
                      <a:pt x="18753" y="17735"/>
                      <a:pt x="18786" y="17435"/>
                    </a:cubicBezTo>
                    <a:cubicBezTo>
                      <a:pt x="18820" y="17091"/>
                      <a:pt x="18848" y="16662"/>
                      <a:pt x="18871" y="16146"/>
                    </a:cubicBezTo>
                    <a:cubicBezTo>
                      <a:pt x="18882" y="15631"/>
                      <a:pt x="18893" y="14987"/>
                      <a:pt x="18893" y="14214"/>
                    </a:cubicBezTo>
                    <a:close/>
                    <a:moveTo>
                      <a:pt x="20404" y="21256"/>
                    </a:moveTo>
                    <a:lnTo>
                      <a:pt x="19831" y="21256"/>
                    </a:lnTo>
                    <a:lnTo>
                      <a:pt x="19831" y="7085"/>
                    </a:lnTo>
                    <a:lnTo>
                      <a:pt x="20275" y="7085"/>
                    </a:lnTo>
                    <a:lnTo>
                      <a:pt x="20342" y="8846"/>
                    </a:lnTo>
                    <a:cubicBezTo>
                      <a:pt x="20426" y="8202"/>
                      <a:pt x="20516" y="7687"/>
                      <a:pt x="20617" y="7300"/>
                    </a:cubicBezTo>
                    <a:cubicBezTo>
                      <a:pt x="20718" y="6914"/>
                      <a:pt x="20831" y="6742"/>
                      <a:pt x="20954" y="6742"/>
                    </a:cubicBezTo>
                    <a:cubicBezTo>
                      <a:pt x="21162" y="6742"/>
                      <a:pt x="21319" y="7171"/>
                      <a:pt x="21432" y="8030"/>
                    </a:cubicBezTo>
                    <a:cubicBezTo>
                      <a:pt x="21544" y="8889"/>
                      <a:pt x="21600" y="10177"/>
                      <a:pt x="21600" y="11852"/>
                    </a:cubicBezTo>
                    <a:lnTo>
                      <a:pt x="21600" y="21214"/>
                    </a:lnTo>
                    <a:lnTo>
                      <a:pt x="21027" y="21214"/>
                    </a:lnTo>
                    <a:lnTo>
                      <a:pt x="21027" y="12281"/>
                    </a:lnTo>
                    <a:cubicBezTo>
                      <a:pt x="21027" y="11594"/>
                      <a:pt x="21005" y="11036"/>
                      <a:pt x="20965" y="10650"/>
                    </a:cubicBezTo>
                    <a:cubicBezTo>
                      <a:pt x="20920" y="10263"/>
                      <a:pt x="20859" y="10048"/>
                      <a:pt x="20780" y="10048"/>
                    </a:cubicBezTo>
                    <a:cubicBezTo>
                      <a:pt x="20718" y="10048"/>
                      <a:pt x="20651" y="10177"/>
                      <a:pt x="20583" y="10478"/>
                    </a:cubicBezTo>
                    <a:cubicBezTo>
                      <a:pt x="20516" y="10736"/>
                      <a:pt x="20454" y="11122"/>
                      <a:pt x="20404" y="11551"/>
                    </a:cubicBezTo>
                    <a:lnTo>
                      <a:pt x="20404" y="21256"/>
                    </a:lnTo>
                    <a:close/>
                  </a:path>
                </a:pathLst>
              </a:custGeom>
              <a:solidFill>
                <a:srgbClr val="002033"/>
              </a:solidFill>
              <a:ln w="12700">
                <a:miter lim="400000"/>
              </a:ln>
            </p:spPr>
            <p:txBody>
              <a:bodyPr lIns="38100" tIns="38100" rIns="38100" bIns="38100" anchor="ctr"/>
              <a:lstStyle/>
              <a:p>
                <a:pPr>
                  <a:defRPr sz="3000">
                    <a:solidFill>
                      <a:srgbClr val="FFFFFF"/>
                    </a:solidFill>
                  </a:defRPr>
                </a:pPr>
                <a:endParaRPr/>
              </a:p>
            </p:txBody>
          </p:sp>
          <p:sp>
            <p:nvSpPr>
              <p:cNvPr id="8" name="Shape">
                <a:extLst>
                  <a:ext uri="{FF2B5EF4-FFF2-40B4-BE49-F238E27FC236}">
                    <a16:creationId xmlns:a16="http://schemas.microsoft.com/office/drawing/2014/main" id="{285A82B9-C48D-490D-BB56-464D7C52CC8C}"/>
                  </a:ext>
                </a:extLst>
              </p:cNvPr>
              <p:cNvSpPr/>
              <p:nvPr userDrawn="1"/>
            </p:nvSpPr>
            <p:spPr>
              <a:xfrm>
                <a:off x="5032172" y="1021854"/>
                <a:ext cx="1051185" cy="549583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15954" y="0"/>
                    </a:moveTo>
                    <a:cubicBezTo>
                      <a:pt x="13287" y="0"/>
                      <a:pt x="11002" y="3514"/>
                      <a:pt x="10441" y="8443"/>
                    </a:cubicBezTo>
                    <a:cubicBezTo>
                      <a:pt x="9052" y="8229"/>
                      <a:pt x="6050" y="7757"/>
                      <a:pt x="5198" y="7671"/>
                    </a:cubicBezTo>
                    <a:cubicBezTo>
                      <a:pt x="5154" y="7671"/>
                      <a:pt x="5109" y="7671"/>
                      <a:pt x="5041" y="7671"/>
                    </a:cubicBezTo>
                    <a:cubicBezTo>
                      <a:pt x="4638" y="7671"/>
                      <a:pt x="4280" y="7886"/>
                      <a:pt x="4033" y="8357"/>
                    </a:cubicBezTo>
                    <a:cubicBezTo>
                      <a:pt x="3563" y="9214"/>
                      <a:pt x="3563" y="10457"/>
                      <a:pt x="3563" y="10843"/>
                    </a:cubicBezTo>
                    <a:cubicBezTo>
                      <a:pt x="3563" y="11271"/>
                      <a:pt x="3563" y="12514"/>
                      <a:pt x="4033" y="13329"/>
                    </a:cubicBezTo>
                    <a:cubicBezTo>
                      <a:pt x="4280" y="13800"/>
                      <a:pt x="4638" y="14014"/>
                      <a:pt x="5041" y="14014"/>
                    </a:cubicBezTo>
                    <a:cubicBezTo>
                      <a:pt x="5086" y="14014"/>
                      <a:pt x="5131" y="14014"/>
                      <a:pt x="5198" y="14014"/>
                    </a:cubicBezTo>
                    <a:cubicBezTo>
                      <a:pt x="5803" y="13929"/>
                      <a:pt x="7417" y="13714"/>
                      <a:pt x="8313" y="13543"/>
                    </a:cubicBezTo>
                    <a:lnTo>
                      <a:pt x="9657" y="13329"/>
                    </a:lnTo>
                    <a:cubicBezTo>
                      <a:pt x="9971" y="13286"/>
                      <a:pt x="10262" y="13243"/>
                      <a:pt x="10464" y="13200"/>
                    </a:cubicBezTo>
                    <a:cubicBezTo>
                      <a:pt x="11046" y="18043"/>
                      <a:pt x="13332" y="21557"/>
                      <a:pt x="15954" y="21557"/>
                    </a:cubicBezTo>
                    <a:cubicBezTo>
                      <a:pt x="19068" y="21557"/>
                      <a:pt x="21600" y="16714"/>
                      <a:pt x="21600" y="10757"/>
                    </a:cubicBezTo>
                    <a:cubicBezTo>
                      <a:pt x="21600" y="4843"/>
                      <a:pt x="19068" y="0"/>
                      <a:pt x="15954" y="0"/>
                    </a:cubicBezTo>
                    <a:close/>
                    <a:moveTo>
                      <a:pt x="15954" y="17229"/>
                    </a:moveTo>
                    <a:cubicBezTo>
                      <a:pt x="14094" y="17229"/>
                      <a:pt x="12593" y="14357"/>
                      <a:pt x="12593" y="10800"/>
                    </a:cubicBezTo>
                    <a:cubicBezTo>
                      <a:pt x="12593" y="7243"/>
                      <a:pt x="14094" y="4371"/>
                      <a:pt x="15954" y="4371"/>
                    </a:cubicBezTo>
                    <a:cubicBezTo>
                      <a:pt x="17813" y="4371"/>
                      <a:pt x="19315" y="7243"/>
                      <a:pt x="19315" y="10800"/>
                    </a:cubicBezTo>
                    <a:cubicBezTo>
                      <a:pt x="19315" y="14357"/>
                      <a:pt x="17813" y="17229"/>
                      <a:pt x="15954" y="17229"/>
                    </a:cubicBezTo>
                    <a:close/>
                    <a:moveTo>
                      <a:pt x="9007" y="15514"/>
                    </a:moveTo>
                    <a:lnTo>
                      <a:pt x="9007" y="20014"/>
                    </a:lnTo>
                    <a:cubicBezTo>
                      <a:pt x="8627" y="20443"/>
                      <a:pt x="8134" y="20786"/>
                      <a:pt x="7506" y="21129"/>
                    </a:cubicBezTo>
                    <a:cubicBezTo>
                      <a:pt x="6879" y="21429"/>
                      <a:pt x="6207" y="21600"/>
                      <a:pt x="5467" y="21600"/>
                    </a:cubicBezTo>
                    <a:cubicBezTo>
                      <a:pt x="4324" y="21600"/>
                      <a:pt x="3339" y="21171"/>
                      <a:pt x="2532" y="20271"/>
                    </a:cubicBezTo>
                    <a:cubicBezTo>
                      <a:pt x="1725" y="19371"/>
                      <a:pt x="1098" y="18129"/>
                      <a:pt x="650" y="16500"/>
                    </a:cubicBezTo>
                    <a:cubicBezTo>
                      <a:pt x="224" y="14871"/>
                      <a:pt x="0" y="12986"/>
                      <a:pt x="0" y="10800"/>
                    </a:cubicBezTo>
                    <a:cubicBezTo>
                      <a:pt x="0" y="8657"/>
                      <a:pt x="246" y="6729"/>
                      <a:pt x="717" y="5143"/>
                    </a:cubicBezTo>
                    <a:cubicBezTo>
                      <a:pt x="1210" y="3514"/>
                      <a:pt x="1860" y="2271"/>
                      <a:pt x="2711" y="1371"/>
                    </a:cubicBezTo>
                    <a:cubicBezTo>
                      <a:pt x="3563" y="471"/>
                      <a:pt x="4549" y="43"/>
                      <a:pt x="5646" y="43"/>
                    </a:cubicBezTo>
                    <a:cubicBezTo>
                      <a:pt x="6229" y="43"/>
                      <a:pt x="6767" y="171"/>
                      <a:pt x="7282" y="386"/>
                    </a:cubicBezTo>
                    <a:cubicBezTo>
                      <a:pt x="7798" y="600"/>
                      <a:pt x="8246" y="900"/>
                      <a:pt x="8627" y="1243"/>
                    </a:cubicBezTo>
                    <a:lnTo>
                      <a:pt x="8402" y="4843"/>
                    </a:lnTo>
                    <a:cubicBezTo>
                      <a:pt x="8022" y="4500"/>
                      <a:pt x="7596" y="4200"/>
                      <a:pt x="7125" y="3986"/>
                    </a:cubicBezTo>
                    <a:cubicBezTo>
                      <a:pt x="6655" y="3771"/>
                      <a:pt x="6162" y="3643"/>
                      <a:pt x="5624" y="3643"/>
                    </a:cubicBezTo>
                    <a:cubicBezTo>
                      <a:pt x="4817" y="3643"/>
                      <a:pt x="4168" y="3943"/>
                      <a:pt x="3630" y="4586"/>
                    </a:cubicBezTo>
                    <a:cubicBezTo>
                      <a:pt x="3115" y="5186"/>
                      <a:pt x="2734" y="6043"/>
                      <a:pt x="2487" y="7114"/>
                    </a:cubicBezTo>
                    <a:cubicBezTo>
                      <a:pt x="2241" y="8186"/>
                      <a:pt x="2106" y="9386"/>
                      <a:pt x="2106" y="10714"/>
                    </a:cubicBezTo>
                    <a:cubicBezTo>
                      <a:pt x="2106" y="12129"/>
                      <a:pt x="2241" y="13371"/>
                      <a:pt x="2487" y="14443"/>
                    </a:cubicBezTo>
                    <a:cubicBezTo>
                      <a:pt x="2734" y="15514"/>
                      <a:pt x="3115" y="16371"/>
                      <a:pt x="3607" y="17014"/>
                    </a:cubicBezTo>
                    <a:cubicBezTo>
                      <a:pt x="4100" y="17614"/>
                      <a:pt x="4728" y="17957"/>
                      <a:pt x="5490" y="17957"/>
                    </a:cubicBezTo>
                    <a:cubicBezTo>
                      <a:pt x="5714" y="17957"/>
                      <a:pt x="5960" y="17914"/>
                      <a:pt x="6207" y="17871"/>
                    </a:cubicBezTo>
                    <a:cubicBezTo>
                      <a:pt x="6453" y="17829"/>
                      <a:pt x="6722" y="17743"/>
                      <a:pt x="6968" y="17614"/>
                    </a:cubicBezTo>
                    <a:lnTo>
                      <a:pt x="6968" y="15814"/>
                    </a:lnTo>
                    <a:cubicBezTo>
                      <a:pt x="7439" y="15729"/>
                      <a:pt x="7887" y="15686"/>
                      <a:pt x="8246" y="15643"/>
                    </a:cubicBezTo>
                    <a:lnTo>
                      <a:pt x="9007" y="15514"/>
                    </a:lnTo>
                    <a:close/>
                  </a:path>
                </a:pathLst>
              </a:custGeom>
              <a:solidFill>
                <a:srgbClr val="008C58"/>
              </a:solidFill>
              <a:ln w="12700">
                <a:miter lim="400000"/>
              </a:ln>
            </p:spPr>
            <p:txBody>
              <a:bodyPr lIns="38100" tIns="38100" rIns="38100" bIns="38100" anchor="ctr"/>
              <a:lstStyle/>
              <a:p>
                <a:pPr>
                  <a:defRPr sz="3000">
                    <a:solidFill>
                      <a:srgbClr val="FFFFFF"/>
                    </a:solidFill>
                  </a:defRPr>
                </a:pPr>
                <a:endParaRPr dirty="0"/>
              </a:p>
            </p:txBody>
          </p:sp>
        </p:grpSp>
      </p:grpSp>
      <p:sp>
        <p:nvSpPr>
          <p:cNvPr id="12" name="Shape">
            <a:extLst>
              <a:ext uri="{FF2B5EF4-FFF2-40B4-BE49-F238E27FC236}">
                <a16:creationId xmlns:a16="http://schemas.microsoft.com/office/drawing/2014/main" id="{EFEE98D4-2422-A234-A864-14015CDCC59A}"/>
              </a:ext>
            </a:extLst>
          </p:cNvPr>
          <p:cNvSpPr/>
          <p:nvPr userDrawn="1"/>
        </p:nvSpPr>
        <p:spPr>
          <a:xfrm>
            <a:off x="0" y="188441"/>
            <a:ext cx="680700" cy="468993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14136" y="0"/>
                </a:moveTo>
                <a:cubicBezTo>
                  <a:pt x="10637" y="0"/>
                  <a:pt x="7604" y="3521"/>
                  <a:pt x="6858" y="8464"/>
                </a:cubicBezTo>
                <a:cubicBezTo>
                  <a:pt x="5038" y="8261"/>
                  <a:pt x="1166" y="7787"/>
                  <a:pt x="0" y="7719"/>
                </a:cubicBezTo>
                <a:lnTo>
                  <a:pt x="0" y="14084"/>
                </a:lnTo>
                <a:cubicBezTo>
                  <a:pt x="840" y="14016"/>
                  <a:pt x="2892" y="13745"/>
                  <a:pt x="4059" y="13610"/>
                </a:cubicBezTo>
                <a:lnTo>
                  <a:pt x="5832" y="13407"/>
                </a:lnTo>
                <a:cubicBezTo>
                  <a:pt x="6251" y="13339"/>
                  <a:pt x="6625" y="13339"/>
                  <a:pt x="6905" y="13271"/>
                </a:cubicBezTo>
                <a:cubicBezTo>
                  <a:pt x="7698" y="18147"/>
                  <a:pt x="10683" y="21600"/>
                  <a:pt x="14136" y="21600"/>
                </a:cubicBezTo>
                <a:cubicBezTo>
                  <a:pt x="18241" y="21600"/>
                  <a:pt x="21600" y="16725"/>
                  <a:pt x="21600" y="10766"/>
                </a:cubicBezTo>
                <a:cubicBezTo>
                  <a:pt x="21553" y="4875"/>
                  <a:pt x="18241" y="0"/>
                  <a:pt x="14136" y="0"/>
                </a:cubicBezTo>
                <a:close/>
                <a:moveTo>
                  <a:pt x="14136" y="17266"/>
                </a:moveTo>
                <a:cubicBezTo>
                  <a:pt x="11710" y="17266"/>
                  <a:pt x="9704" y="14355"/>
                  <a:pt x="9704" y="10834"/>
                </a:cubicBezTo>
                <a:cubicBezTo>
                  <a:pt x="9704" y="7313"/>
                  <a:pt x="11710" y="4401"/>
                  <a:pt x="14136" y="4401"/>
                </a:cubicBezTo>
                <a:cubicBezTo>
                  <a:pt x="16562" y="4401"/>
                  <a:pt x="18568" y="7313"/>
                  <a:pt x="18568" y="10834"/>
                </a:cubicBezTo>
                <a:cubicBezTo>
                  <a:pt x="18568" y="14355"/>
                  <a:pt x="16562" y="17266"/>
                  <a:pt x="14136" y="17266"/>
                </a:cubicBezTo>
                <a:close/>
                <a:moveTo>
                  <a:pt x="0" y="68"/>
                </a:moveTo>
                <a:cubicBezTo>
                  <a:pt x="187" y="68"/>
                  <a:pt x="373" y="68"/>
                  <a:pt x="560" y="68"/>
                </a:cubicBezTo>
                <a:cubicBezTo>
                  <a:pt x="1306" y="68"/>
                  <a:pt x="2053" y="203"/>
                  <a:pt x="2752" y="406"/>
                </a:cubicBezTo>
                <a:cubicBezTo>
                  <a:pt x="3452" y="609"/>
                  <a:pt x="4012" y="948"/>
                  <a:pt x="4525" y="1286"/>
                </a:cubicBezTo>
                <a:lnTo>
                  <a:pt x="4245" y="4875"/>
                </a:lnTo>
                <a:cubicBezTo>
                  <a:pt x="3732" y="4537"/>
                  <a:pt x="3172" y="4266"/>
                  <a:pt x="2566" y="3995"/>
                </a:cubicBezTo>
                <a:cubicBezTo>
                  <a:pt x="1959" y="3792"/>
                  <a:pt x="1306" y="3656"/>
                  <a:pt x="606" y="3656"/>
                </a:cubicBezTo>
                <a:cubicBezTo>
                  <a:pt x="420" y="3656"/>
                  <a:pt x="233" y="3656"/>
                  <a:pt x="47" y="3724"/>
                </a:cubicBezTo>
                <a:lnTo>
                  <a:pt x="47" y="68"/>
                </a:lnTo>
                <a:close/>
                <a:moveTo>
                  <a:pt x="4059" y="15641"/>
                </a:moveTo>
                <a:lnTo>
                  <a:pt x="4992" y="15506"/>
                </a:lnTo>
                <a:lnTo>
                  <a:pt x="4992" y="19975"/>
                </a:lnTo>
                <a:cubicBezTo>
                  <a:pt x="4479" y="20381"/>
                  <a:pt x="3825" y="20787"/>
                  <a:pt x="3032" y="21058"/>
                </a:cubicBezTo>
                <a:cubicBezTo>
                  <a:pt x="2193" y="21397"/>
                  <a:pt x="1306" y="21532"/>
                  <a:pt x="327" y="21532"/>
                </a:cubicBezTo>
                <a:cubicBezTo>
                  <a:pt x="233" y="21532"/>
                  <a:pt x="140" y="21532"/>
                  <a:pt x="0" y="21532"/>
                </a:cubicBezTo>
                <a:lnTo>
                  <a:pt x="0" y="17876"/>
                </a:lnTo>
                <a:cubicBezTo>
                  <a:pt x="140" y="17876"/>
                  <a:pt x="280" y="17876"/>
                  <a:pt x="420" y="17876"/>
                </a:cubicBezTo>
                <a:cubicBezTo>
                  <a:pt x="700" y="17876"/>
                  <a:pt x="1026" y="17876"/>
                  <a:pt x="1353" y="17808"/>
                </a:cubicBezTo>
                <a:cubicBezTo>
                  <a:pt x="1679" y="17740"/>
                  <a:pt x="2006" y="17673"/>
                  <a:pt x="2379" y="17605"/>
                </a:cubicBezTo>
                <a:lnTo>
                  <a:pt x="2379" y="15845"/>
                </a:lnTo>
                <a:cubicBezTo>
                  <a:pt x="2986" y="15777"/>
                  <a:pt x="3592" y="15709"/>
                  <a:pt x="4059" y="15641"/>
                </a:cubicBezTo>
                <a:close/>
              </a:path>
            </a:pathLst>
          </a:custGeom>
          <a:solidFill>
            <a:schemeClr val="bg1">
              <a:alpha val="19699"/>
            </a:schemeClr>
          </a:solidFill>
          <a:ln w="12700">
            <a:miter lim="400000"/>
          </a:ln>
        </p:spPr>
        <p:txBody>
          <a:bodyPr lIns="38100" tIns="38100" rIns="38100" bIns="38100" anchor="ctr"/>
          <a:lstStyle/>
          <a:p>
            <a:pPr>
              <a:defRPr sz="3000">
                <a:solidFill>
                  <a:srgbClr val="FFFFFF"/>
                </a:solidFill>
              </a:defRPr>
            </a:pPr>
            <a:endParaRPr>
              <a:solidFill>
                <a:schemeClr val="bg1"/>
              </a:solidFill>
            </a:endParaRP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EE3EAC94-F2D6-7639-EC34-D395A05EE91D}"/>
              </a:ext>
            </a:extLst>
          </p:cNvPr>
          <p:cNvGrpSpPr/>
          <p:nvPr userDrawn="1"/>
        </p:nvGrpSpPr>
        <p:grpSpPr>
          <a:xfrm>
            <a:off x="3763009" y="6404531"/>
            <a:ext cx="4665981" cy="354850"/>
            <a:chOff x="1714499" y="5181599"/>
            <a:chExt cx="4141472" cy="314961"/>
          </a:xfrm>
        </p:grpSpPr>
        <p:sp>
          <p:nvSpPr>
            <p:cNvPr id="17" name="Shape">
              <a:extLst>
                <a:ext uri="{FF2B5EF4-FFF2-40B4-BE49-F238E27FC236}">
                  <a16:creationId xmlns:a16="http://schemas.microsoft.com/office/drawing/2014/main" id="{9D0E6D66-0255-DBE1-A3E9-22CAE68EF038}"/>
                </a:ext>
              </a:extLst>
            </p:cNvPr>
            <p:cNvSpPr/>
            <p:nvPr userDrawn="1"/>
          </p:nvSpPr>
          <p:spPr>
            <a:xfrm>
              <a:off x="2603499" y="5181599"/>
              <a:ext cx="2494281" cy="31496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7182" y="6358"/>
                  </a:moveTo>
                  <a:cubicBezTo>
                    <a:pt x="7138" y="5923"/>
                    <a:pt x="7072" y="5574"/>
                    <a:pt x="7006" y="5400"/>
                  </a:cubicBezTo>
                  <a:cubicBezTo>
                    <a:pt x="6940" y="5139"/>
                    <a:pt x="6863" y="5052"/>
                    <a:pt x="6775" y="5052"/>
                  </a:cubicBezTo>
                  <a:cubicBezTo>
                    <a:pt x="6676" y="5052"/>
                    <a:pt x="6588" y="5226"/>
                    <a:pt x="6511" y="5487"/>
                  </a:cubicBezTo>
                  <a:cubicBezTo>
                    <a:pt x="6434" y="5748"/>
                    <a:pt x="6368" y="6097"/>
                    <a:pt x="6302" y="6619"/>
                  </a:cubicBezTo>
                  <a:cubicBezTo>
                    <a:pt x="6236" y="7142"/>
                    <a:pt x="6203" y="7752"/>
                    <a:pt x="6170" y="8448"/>
                  </a:cubicBezTo>
                  <a:cubicBezTo>
                    <a:pt x="6137" y="9145"/>
                    <a:pt x="6126" y="9929"/>
                    <a:pt x="6126" y="10800"/>
                  </a:cubicBezTo>
                  <a:cubicBezTo>
                    <a:pt x="6126" y="11758"/>
                    <a:pt x="6148" y="12629"/>
                    <a:pt x="6181" y="13413"/>
                  </a:cubicBezTo>
                  <a:cubicBezTo>
                    <a:pt x="6214" y="14110"/>
                    <a:pt x="6269" y="14719"/>
                    <a:pt x="6335" y="15155"/>
                  </a:cubicBezTo>
                  <a:cubicBezTo>
                    <a:pt x="6401" y="15590"/>
                    <a:pt x="6478" y="15939"/>
                    <a:pt x="6555" y="16200"/>
                  </a:cubicBezTo>
                  <a:cubicBezTo>
                    <a:pt x="6643" y="16461"/>
                    <a:pt x="6731" y="16548"/>
                    <a:pt x="6830" y="16548"/>
                  </a:cubicBezTo>
                  <a:cubicBezTo>
                    <a:pt x="6918" y="16548"/>
                    <a:pt x="6995" y="16461"/>
                    <a:pt x="7061" y="16374"/>
                  </a:cubicBezTo>
                  <a:cubicBezTo>
                    <a:pt x="7138" y="16287"/>
                    <a:pt x="7204" y="16113"/>
                    <a:pt x="7259" y="15939"/>
                  </a:cubicBezTo>
                  <a:lnTo>
                    <a:pt x="7215" y="14719"/>
                  </a:lnTo>
                  <a:cubicBezTo>
                    <a:pt x="7149" y="14894"/>
                    <a:pt x="7094" y="15068"/>
                    <a:pt x="7028" y="15155"/>
                  </a:cubicBezTo>
                  <a:cubicBezTo>
                    <a:pt x="6973" y="15242"/>
                    <a:pt x="6907" y="15242"/>
                    <a:pt x="6841" y="15242"/>
                  </a:cubicBezTo>
                  <a:cubicBezTo>
                    <a:pt x="6687" y="15242"/>
                    <a:pt x="6566" y="14894"/>
                    <a:pt x="6478" y="14197"/>
                  </a:cubicBezTo>
                  <a:cubicBezTo>
                    <a:pt x="6390" y="13500"/>
                    <a:pt x="6346" y="12455"/>
                    <a:pt x="6346" y="11148"/>
                  </a:cubicBezTo>
                  <a:lnTo>
                    <a:pt x="6346" y="10974"/>
                  </a:lnTo>
                  <a:lnTo>
                    <a:pt x="7336" y="10974"/>
                  </a:lnTo>
                  <a:lnTo>
                    <a:pt x="7336" y="10016"/>
                  </a:lnTo>
                  <a:cubicBezTo>
                    <a:pt x="7336" y="9319"/>
                    <a:pt x="7325" y="8623"/>
                    <a:pt x="7292" y="8013"/>
                  </a:cubicBezTo>
                  <a:cubicBezTo>
                    <a:pt x="7270" y="7316"/>
                    <a:pt x="7237" y="6794"/>
                    <a:pt x="7182" y="6358"/>
                  </a:cubicBezTo>
                  <a:close/>
                  <a:moveTo>
                    <a:pt x="6346" y="9668"/>
                  </a:moveTo>
                  <a:cubicBezTo>
                    <a:pt x="6357" y="8623"/>
                    <a:pt x="6412" y="7839"/>
                    <a:pt x="6478" y="7229"/>
                  </a:cubicBezTo>
                  <a:cubicBezTo>
                    <a:pt x="6555" y="6619"/>
                    <a:pt x="6643" y="6358"/>
                    <a:pt x="6764" y="6358"/>
                  </a:cubicBezTo>
                  <a:cubicBezTo>
                    <a:pt x="6830" y="6358"/>
                    <a:pt x="6885" y="6445"/>
                    <a:pt x="6929" y="6619"/>
                  </a:cubicBezTo>
                  <a:cubicBezTo>
                    <a:pt x="6973" y="6794"/>
                    <a:pt x="7006" y="7055"/>
                    <a:pt x="7039" y="7316"/>
                  </a:cubicBezTo>
                  <a:cubicBezTo>
                    <a:pt x="7072" y="7577"/>
                    <a:pt x="7094" y="8013"/>
                    <a:pt x="7105" y="8361"/>
                  </a:cubicBezTo>
                  <a:cubicBezTo>
                    <a:pt x="7116" y="8797"/>
                    <a:pt x="7127" y="9145"/>
                    <a:pt x="7127" y="9581"/>
                  </a:cubicBezTo>
                  <a:lnTo>
                    <a:pt x="6346" y="9668"/>
                  </a:lnTo>
                  <a:close/>
                  <a:moveTo>
                    <a:pt x="4047" y="6358"/>
                  </a:moveTo>
                  <a:cubicBezTo>
                    <a:pt x="4003" y="5923"/>
                    <a:pt x="3937" y="5574"/>
                    <a:pt x="3871" y="5400"/>
                  </a:cubicBezTo>
                  <a:cubicBezTo>
                    <a:pt x="3805" y="5139"/>
                    <a:pt x="3728" y="5052"/>
                    <a:pt x="3640" y="5052"/>
                  </a:cubicBezTo>
                  <a:cubicBezTo>
                    <a:pt x="3541" y="5052"/>
                    <a:pt x="3453" y="5226"/>
                    <a:pt x="3376" y="5487"/>
                  </a:cubicBezTo>
                  <a:cubicBezTo>
                    <a:pt x="3299" y="5748"/>
                    <a:pt x="3233" y="6097"/>
                    <a:pt x="3167" y="6619"/>
                  </a:cubicBezTo>
                  <a:cubicBezTo>
                    <a:pt x="3101" y="7142"/>
                    <a:pt x="3068" y="7752"/>
                    <a:pt x="3035" y="8448"/>
                  </a:cubicBezTo>
                  <a:cubicBezTo>
                    <a:pt x="3002" y="9145"/>
                    <a:pt x="2991" y="9929"/>
                    <a:pt x="2991" y="10800"/>
                  </a:cubicBezTo>
                  <a:cubicBezTo>
                    <a:pt x="2991" y="11758"/>
                    <a:pt x="3013" y="12629"/>
                    <a:pt x="3046" y="13413"/>
                  </a:cubicBezTo>
                  <a:cubicBezTo>
                    <a:pt x="3079" y="14110"/>
                    <a:pt x="3134" y="14719"/>
                    <a:pt x="3200" y="15155"/>
                  </a:cubicBezTo>
                  <a:cubicBezTo>
                    <a:pt x="3266" y="15590"/>
                    <a:pt x="3343" y="15939"/>
                    <a:pt x="3420" y="16200"/>
                  </a:cubicBezTo>
                  <a:cubicBezTo>
                    <a:pt x="3508" y="16461"/>
                    <a:pt x="3596" y="16548"/>
                    <a:pt x="3695" y="16548"/>
                  </a:cubicBezTo>
                  <a:cubicBezTo>
                    <a:pt x="3783" y="16548"/>
                    <a:pt x="3860" y="16461"/>
                    <a:pt x="3926" y="16374"/>
                  </a:cubicBezTo>
                  <a:cubicBezTo>
                    <a:pt x="4003" y="16287"/>
                    <a:pt x="4069" y="16113"/>
                    <a:pt x="4124" y="15939"/>
                  </a:cubicBezTo>
                  <a:lnTo>
                    <a:pt x="4080" y="14719"/>
                  </a:lnTo>
                  <a:cubicBezTo>
                    <a:pt x="4014" y="14894"/>
                    <a:pt x="3959" y="15068"/>
                    <a:pt x="3893" y="15155"/>
                  </a:cubicBezTo>
                  <a:cubicBezTo>
                    <a:pt x="3838" y="15242"/>
                    <a:pt x="3772" y="15242"/>
                    <a:pt x="3706" y="15242"/>
                  </a:cubicBezTo>
                  <a:cubicBezTo>
                    <a:pt x="3552" y="15242"/>
                    <a:pt x="3431" y="14894"/>
                    <a:pt x="3343" y="14197"/>
                  </a:cubicBezTo>
                  <a:cubicBezTo>
                    <a:pt x="3255" y="13500"/>
                    <a:pt x="3211" y="12455"/>
                    <a:pt x="3211" y="11148"/>
                  </a:cubicBezTo>
                  <a:lnTo>
                    <a:pt x="3211" y="10974"/>
                  </a:lnTo>
                  <a:lnTo>
                    <a:pt x="4201" y="10974"/>
                  </a:lnTo>
                  <a:lnTo>
                    <a:pt x="4201" y="10016"/>
                  </a:lnTo>
                  <a:cubicBezTo>
                    <a:pt x="4201" y="9319"/>
                    <a:pt x="4190" y="8623"/>
                    <a:pt x="4157" y="8013"/>
                  </a:cubicBezTo>
                  <a:cubicBezTo>
                    <a:pt x="4135" y="7316"/>
                    <a:pt x="4102" y="6794"/>
                    <a:pt x="4047" y="6358"/>
                  </a:cubicBezTo>
                  <a:close/>
                  <a:moveTo>
                    <a:pt x="3211" y="9668"/>
                  </a:moveTo>
                  <a:cubicBezTo>
                    <a:pt x="3222" y="8623"/>
                    <a:pt x="3277" y="7839"/>
                    <a:pt x="3343" y="7229"/>
                  </a:cubicBezTo>
                  <a:cubicBezTo>
                    <a:pt x="3420" y="6619"/>
                    <a:pt x="3508" y="6358"/>
                    <a:pt x="3629" y="6358"/>
                  </a:cubicBezTo>
                  <a:cubicBezTo>
                    <a:pt x="3695" y="6358"/>
                    <a:pt x="3750" y="6445"/>
                    <a:pt x="3794" y="6619"/>
                  </a:cubicBezTo>
                  <a:cubicBezTo>
                    <a:pt x="3838" y="6794"/>
                    <a:pt x="3871" y="7055"/>
                    <a:pt x="3904" y="7316"/>
                  </a:cubicBezTo>
                  <a:cubicBezTo>
                    <a:pt x="3937" y="7577"/>
                    <a:pt x="3959" y="8013"/>
                    <a:pt x="3970" y="8361"/>
                  </a:cubicBezTo>
                  <a:cubicBezTo>
                    <a:pt x="3981" y="8797"/>
                    <a:pt x="3992" y="9145"/>
                    <a:pt x="3992" y="9581"/>
                  </a:cubicBezTo>
                  <a:lnTo>
                    <a:pt x="3211" y="9668"/>
                  </a:lnTo>
                  <a:close/>
                  <a:moveTo>
                    <a:pt x="5554" y="11235"/>
                  </a:moveTo>
                  <a:cubicBezTo>
                    <a:pt x="5620" y="11758"/>
                    <a:pt x="5653" y="12368"/>
                    <a:pt x="5653" y="13152"/>
                  </a:cubicBezTo>
                  <a:cubicBezTo>
                    <a:pt x="5653" y="14110"/>
                    <a:pt x="5609" y="14894"/>
                    <a:pt x="5521" y="15503"/>
                  </a:cubicBezTo>
                  <a:cubicBezTo>
                    <a:pt x="5433" y="16113"/>
                    <a:pt x="5301" y="16374"/>
                    <a:pt x="5136" y="16374"/>
                  </a:cubicBezTo>
                  <a:cubicBezTo>
                    <a:pt x="5048" y="16374"/>
                    <a:pt x="4960" y="16287"/>
                    <a:pt x="4894" y="16200"/>
                  </a:cubicBezTo>
                  <a:cubicBezTo>
                    <a:pt x="4817" y="16113"/>
                    <a:pt x="4751" y="15939"/>
                    <a:pt x="4696" y="15677"/>
                  </a:cubicBezTo>
                  <a:lnTo>
                    <a:pt x="4751" y="14371"/>
                  </a:lnTo>
                  <a:cubicBezTo>
                    <a:pt x="4806" y="14632"/>
                    <a:pt x="4861" y="14719"/>
                    <a:pt x="4927" y="14894"/>
                  </a:cubicBezTo>
                  <a:cubicBezTo>
                    <a:pt x="4993" y="14981"/>
                    <a:pt x="5059" y="15068"/>
                    <a:pt x="5125" y="15068"/>
                  </a:cubicBezTo>
                  <a:cubicBezTo>
                    <a:pt x="5224" y="15068"/>
                    <a:pt x="5301" y="14894"/>
                    <a:pt x="5356" y="14632"/>
                  </a:cubicBezTo>
                  <a:cubicBezTo>
                    <a:pt x="5411" y="14371"/>
                    <a:pt x="5444" y="13848"/>
                    <a:pt x="5444" y="13326"/>
                  </a:cubicBezTo>
                  <a:cubicBezTo>
                    <a:pt x="5444" y="12803"/>
                    <a:pt x="5422" y="12455"/>
                    <a:pt x="5378" y="12106"/>
                  </a:cubicBezTo>
                  <a:cubicBezTo>
                    <a:pt x="5334" y="11845"/>
                    <a:pt x="5257" y="11584"/>
                    <a:pt x="5169" y="11323"/>
                  </a:cubicBezTo>
                  <a:lnTo>
                    <a:pt x="5070" y="11061"/>
                  </a:lnTo>
                  <a:cubicBezTo>
                    <a:pt x="4949" y="10713"/>
                    <a:pt x="4861" y="10365"/>
                    <a:pt x="4795" y="9842"/>
                  </a:cubicBezTo>
                  <a:cubicBezTo>
                    <a:pt x="4729" y="9319"/>
                    <a:pt x="4707" y="8797"/>
                    <a:pt x="4707" y="8013"/>
                  </a:cubicBezTo>
                  <a:cubicBezTo>
                    <a:pt x="4707" y="7577"/>
                    <a:pt x="4718" y="7142"/>
                    <a:pt x="4740" y="6794"/>
                  </a:cubicBezTo>
                  <a:cubicBezTo>
                    <a:pt x="4762" y="6445"/>
                    <a:pt x="4795" y="6097"/>
                    <a:pt x="4839" y="5836"/>
                  </a:cubicBezTo>
                  <a:cubicBezTo>
                    <a:pt x="4883" y="5574"/>
                    <a:pt x="4938" y="5400"/>
                    <a:pt x="4993" y="5226"/>
                  </a:cubicBezTo>
                  <a:cubicBezTo>
                    <a:pt x="5048" y="5052"/>
                    <a:pt x="5114" y="4965"/>
                    <a:pt x="5191" y="4965"/>
                  </a:cubicBezTo>
                  <a:cubicBezTo>
                    <a:pt x="5257" y="4965"/>
                    <a:pt x="5323" y="5052"/>
                    <a:pt x="5400" y="5139"/>
                  </a:cubicBezTo>
                  <a:cubicBezTo>
                    <a:pt x="5477" y="5226"/>
                    <a:pt x="5532" y="5400"/>
                    <a:pt x="5598" y="5574"/>
                  </a:cubicBezTo>
                  <a:lnTo>
                    <a:pt x="5532" y="6968"/>
                  </a:lnTo>
                  <a:cubicBezTo>
                    <a:pt x="5477" y="6706"/>
                    <a:pt x="5422" y="6619"/>
                    <a:pt x="5367" y="6532"/>
                  </a:cubicBezTo>
                  <a:cubicBezTo>
                    <a:pt x="5312" y="6445"/>
                    <a:pt x="5257" y="6358"/>
                    <a:pt x="5202" y="6358"/>
                  </a:cubicBezTo>
                  <a:cubicBezTo>
                    <a:pt x="5103" y="6358"/>
                    <a:pt x="5026" y="6532"/>
                    <a:pt x="4982" y="6794"/>
                  </a:cubicBezTo>
                  <a:cubicBezTo>
                    <a:pt x="4938" y="7142"/>
                    <a:pt x="4905" y="7490"/>
                    <a:pt x="4905" y="8013"/>
                  </a:cubicBezTo>
                  <a:cubicBezTo>
                    <a:pt x="4905" y="8448"/>
                    <a:pt x="4927" y="8797"/>
                    <a:pt x="4960" y="9058"/>
                  </a:cubicBezTo>
                  <a:cubicBezTo>
                    <a:pt x="4993" y="9319"/>
                    <a:pt x="5070" y="9581"/>
                    <a:pt x="5180" y="9842"/>
                  </a:cubicBezTo>
                  <a:lnTo>
                    <a:pt x="5268" y="10016"/>
                  </a:lnTo>
                  <a:cubicBezTo>
                    <a:pt x="5400" y="10365"/>
                    <a:pt x="5488" y="10800"/>
                    <a:pt x="5554" y="11235"/>
                  </a:cubicBezTo>
                  <a:close/>
                  <a:moveTo>
                    <a:pt x="1056" y="6445"/>
                  </a:moveTo>
                  <a:cubicBezTo>
                    <a:pt x="1001" y="6010"/>
                    <a:pt x="946" y="5661"/>
                    <a:pt x="869" y="5400"/>
                  </a:cubicBezTo>
                  <a:cubicBezTo>
                    <a:pt x="792" y="5139"/>
                    <a:pt x="715" y="5052"/>
                    <a:pt x="627" y="5052"/>
                  </a:cubicBezTo>
                  <a:cubicBezTo>
                    <a:pt x="528" y="5052"/>
                    <a:pt x="451" y="5226"/>
                    <a:pt x="385" y="5487"/>
                  </a:cubicBezTo>
                  <a:cubicBezTo>
                    <a:pt x="319" y="5748"/>
                    <a:pt x="253" y="6097"/>
                    <a:pt x="209" y="6445"/>
                  </a:cubicBezTo>
                  <a:lnTo>
                    <a:pt x="176" y="5052"/>
                  </a:lnTo>
                  <a:lnTo>
                    <a:pt x="0" y="5052"/>
                  </a:lnTo>
                  <a:lnTo>
                    <a:pt x="0" y="21600"/>
                  </a:lnTo>
                  <a:lnTo>
                    <a:pt x="209" y="21600"/>
                  </a:lnTo>
                  <a:lnTo>
                    <a:pt x="209" y="15677"/>
                  </a:lnTo>
                  <a:cubicBezTo>
                    <a:pt x="253" y="15939"/>
                    <a:pt x="297" y="16113"/>
                    <a:pt x="363" y="16200"/>
                  </a:cubicBezTo>
                  <a:cubicBezTo>
                    <a:pt x="418" y="16374"/>
                    <a:pt x="484" y="16374"/>
                    <a:pt x="550" y="16374"/>
                  </a:cubicBezTo>
                  <a:cubicBezTo>
                    <a:pt x="638" y="16374"/>
                    <a:pt x="715" y="16287"/>
                    <a:pt x="803" y="16026"/>
                  </a:cubicBezTo>
                  <a:cubicBezTo>
                    <a:pt x="880" y="15765"/>
                    <a:pt x="957" y="15416"/>
                    <a:pt x="1023" y="14894"/>
                  </a:cubicBezTo>
                  <a:cubicBezTo>
                    <a:pt x="1089" y="14371"/>
                    <a:pt x="1133" y="13761"/>
                    <a:pt x="1177" y="13065"/>
                  </a:cubicBezTo>
                  <a:cubicBezTo>
                    <a:pt x="1210" y="12281"/>
                    <a:pt x="1232" y="11410"/>
                    <a:pt x="1232" y="10365"/>
                  </a:cubicBezTo>
                  <a:cubicBezTo>
                    <a:pt x="1232" y="9494"/>
                    <a:pt x="1221" y="8710"/>
                    <a:pt x="1188" y="8100"/>
                  </a:cubicBezTo>
                  <a:cubicBezTo>
                    <a:pt x="1155" y="7490"/>
                    <a:pt x="1111" y="6968"/>
                    <a:pt x="1056" y="6445"/>
                  </a:cubicBezTo>
                  <a:close/>
                  <a:moveTo>
                    <a:pt x="968" y="12629"/>
                  </a:moveTo>
                  <a:cubicBezTo>
                    <a:pt x="935" y="13239"/>
                    <a:pt x="902" y="13674"/>
                    <a:pt x="858" y="14110"/>
                  </a:cubicBezTo>
                  <a:cubicBezTo>
                    <a:pt x="814" y="14458"/>
                    <a:pt x="759" y="14719"/>
                    <a:pt x="704" y="14894"/>
                  </a:cubicBezTo>
                  <a:cubicBezTo>
                    <a:pt x="649" y="15068"/>
                    <a:pt x="583" y="15155"/>
                    <a:pt x="528" y="15155"/>
                  </a:cubicBezTo>
                  <a:cubicBezTo>
                    <a:pt x="473" y="15155"/>
                    <a:pt x="418" y="15068"/>
                    <a:pt x="374" y="14981"/>
                  </a:cubicBezTo>
                  <a:cubicBezTo>
                    <a:pt x="319" y="14894"/>
                    <a:pt x="275" y="14632"/>
                    <a:pt x="231" y="14371"/>
                  </a:cubicBezTo>
                  <a:lnTo>
                    <a:pt x="231" y="7926"/>
                  </a:lnTo>
                  <a:cubicBezTo>
                    <a:pt x="242" y="7752"/>
                    <a:pt x="264" y="7577"/>
                    <a:pt x="297" y="7403"/>
                  </a:cubicBezTo>
                  <a:cubicBezTo>
                    <a:pt x="319" y="7229"/>
                    <a:pt x="352" y="7055"/>
                    <a:pt x="385" y="6881"/>
                  </a:cubicBezTo>
                  <a:cubicBezTo>
                    <a:pt x="418" y="6706"/>
                    <a:pt x="451" y="6619"/>
                    <a:pt x="495" y="6532"/>
                  </a:cubicBezTo>
                  <a:cubicBezTo>
                    <a:pt x="528" y="6445"/>
                    <a:pt x="572" y="6358"/>
                    <a:pt x="616" y="6358"/>
                  </a:cubicBezTo>
                  <a:cubicBezTo>
                    <a:pt x="759" y="6358"/>
                    <a:pt x="869" y="6706"/>
                    <a:pt x="935" y="7403"/>
                  </a:cubicBezTo>
                  <a:cubicBezTo>
                    <a:pt x="1001" y="8100"/>
                    <a:pt x="1034" y="9145"/>
                    <a:pt x="1034" y="10364"/>
                  </a:cubicBezTo>
                  <a:cubicBezTo>
                    <a:pt x="1001" y="11323"/>
                    <a:pt x="990" y="12106"/>
                    <a:pt x="968" y="12629"/>
                  </a:cubicBezTo>
                  <a:close/>
                  <a:moveTo>
                    <a:pt x="21556" y="8187"/>
                  </a:moveTo>
                  <a:cubicBezTo>
                    <a:pt x="21523" y="7490"/>
                    <a:pt x="21479" y="6881"/>
                    <a:pt x="21424" y="6445"/>
                  </a:cubicBezTo>
                  <a:cubicBezTo>
                    <a:pt x="21369" y="6010"/>
                    <a:pt x="21303" y="5661"/>
                    <a:pt x="21215" y="5400"/>
                  </a:cubicBezTo>
                  <a:cubicBezTo>
                    <a:pt x="21127" y="5139"/>
                    <a:pt x="21050" y="5052"/>
                    <a:pt x="20962" y="5052"/>
                  </a:cubicBezTo>
                  <a:cubicBezTo>
                    <a:pt x="20874" y="5052"/>
                    <a:pt x="20786" y="5139"/>
                    <a:pt x="20698" y="5400"/>
                  </a:cubicBezTo>
                  <a:cubicBezTo>
                    <a:pt x="20621" y="5661"/>
                    <a:pt x="20544" y="6010"/>
                    <a:pt x="20489" y="6532"/>
                  </a:cubicBezTo>
                  <a:cubicBezTo>
                    <a:pt x="20434" y="7055"/>
                    <a:pt x="20379" y="7664"/>
                    <a:pt x="20346" y="8361"/>
                  </a:cubicBezTo>
                  <a:cubicBezTo>
                    <a:pt x="20313" y="9058"/>
                    <a:pt x="20291" y="9929"/>
                    <a:pt x="20291" y="10800"/>
                  </a:cubicBezTo>
                  <a:cubicBezTo>
                    <a:pt x="20291" y="11671"/>
                    <a:pt x="20313" y="12542"/>
                    <a:pt x="20346" y="13239"/>
                  </a:cubicBezTo>
                  <a:cubicBezTo>
                    <a:pt x="20379" y="13935"/>
                    <a:pt x="20423" y="14545"/>
                    <a:pt x="20478" y="14981"/>
                  </a:cubicBezTo>
                  <a:cubicBezTo>
                    <a:pt x="20533" y="15416"/>
                    <a:pt x="20599" y="15852"/>
                    <a:pt x="20687" y="16026"/>
                  </a:cubicBezTo>
                  <a:cubicBezTo>
                    <a:pt x="20764" y="16287"/>
                    <a:pt x="20852" y="16374"/>
                    <a:pt x="20940" y="16374"/>
                  </a:cubicBezTo>
                  <a:cubicBezTo>
                    <a:pt x="21028" y="16374"/>
                    <a:pt x="21116" y="16287"/>
                    <a:pt x="21193" y="16026"/>
                  </a:cubicBezTo>
                  <a:cubicBezTo>
                    <a:pt x="21270" y="15765"/>
                    <a:pt x="21347" y="15416"/>
                    <a:pt x="21402" y="14894"/>
                  </a:cubicBezTo>
                  <a:cubicBezTo>
                    <a:pt x="21457" y="14371"/>
                    <a:pt x="21512" y="13761"/>
                    <a:pt x="21545" y="13064"/>
                  </a:cubicBezTo>
                  <a:cubicBezTo>
                    <a:pt x="21578" y="12368"/>
                    <a:pt x="21600" y="11497"/>
                    <a:pt x="21600" y="10626"/>
                  </a:cubicBezTo>
                  <a:cubicBezTo>
                    <a:pt x="21600" y="9668"/>
                    <a:pt x="21589" y="8884"/>
                    <a:pt x="21556" y="8187"/>
                  </a:cubicBezTo>
                  <a:close/>
                  <a:moveTo>
                    <a:pt x="21347" y="12803"/>
                  </a:moveTo>
                  <a:cubicBezTo>
                    <a:pt x="21325" y="13326"/>
                    <a:pt x="21292" y="13848"/>
                    <a:pt x="21248" y="14197"/>
                  </a:cubicBezTo>
                  <a:cubicBezTo>
                    <a:pt x="21204" y="14545"/>
                    <a:pt x="21160" y="14806"/>
                    <a:pt x="21105" y="14981"/>
                  </a:cubicBezTo>
                  <a:cubicBezTo>
                    <a:pt x="21050" y="15155"/>
                    <a:pt x="20995" y="15242"/>
                    <a:pt x="20940" y="15242"/>
                  </a:cubicBezTo>
                  <a:cubicBezTo>
                    <a:pt x="20885" y="15242"/>
                    <a:pt x="20830" y="15155"/>
                    <a:pt x="20775" y="14981"/>
                  </a:cubicBezTo>
                  <a:cubicBezTo>
                    <a:pt x="20720" y="14806"/>
                    <a:pt x="20676" y="14545"/>
                    <a:pt x="20632" y="14197"/>
                  </a:cubicBezTo>
                  <a:cubicBezTo>
                    <a:pt x="20588" y="13848"/>
                    <a:pt x="20555" y="13413"/>
                    <a:pt x="20533" y="12803"/>
                  </a:cubicBezTo>
                  <a:cubicBezTo>
                    <a:pt x="20511" y="12281"/>
                    <a:pt x="20500" y="11584"/>
                    <a:pt x="20500" y="10800"/>
                  </a:cubicBezTo>
                  <a:cubicBezTo>
                    <a:pt x="20500" y="10016"/>
                    <a:pt x="20511" y="9319"/>
                    <a:pt x="20533" y="8797"/>
                  </a:cubicBezTo>
                  <a:cubicBezTo>
                    <a:pt x="20555" y="8274"/>
                    <a:pt x="20588" y="7752"/>
                    <a:pt x="20632" y="7490"/>
                  </a:cubicBezTo>
                  <a:cubicBezTo>
                    <a:pt x="20676" y="7142"/>
                    <a:pt x="20720" y="6881"/>
                    <a:pt x="20775" y="6706"/>
                  </a:cubicBezTo>
                  <a:cubicBezTo>
                    <a:pt x="20830" y="6532"/>
                    <a:pt x="20885" y="6445"/>
                    <a:pt x="20940" y="6445"/>
                  </a:cubicBezTo>
                  <a:cubicBezTo>
                    <a:pt x="20995" y="6445"/>
                    <a:pt x="21050" y="6532"/>
                    <a:pt x="21105" y="6706"/>
                  </a:cubicBezTo>
                  <a:cubicBezTo>
                    <a:pt x="21160" y="6881"/>
                    <a:pt x="21204" y="7142"/>
                    <a:pt x="21248" y="7490"/>
                  </a:cubicBezTo>
                  <a:cubicBezTo>
                    <a:pt x="21292" y="7839"/>
                    <a:pt x="21325" y="8274"/>
                    <a:pt x="21347" y="8884"/>
                  </a:cubicBezTo>
                  <a:cubicBezTo>
                    <a:pt x="21369" y="9406"/>
                    <a:pt x="21380" y="10103"/>
                    <a:pt x="21380" y="10887"/>
                  </a:cubicBezTo>
                  <a:cubicBezTo>
                    <a:pt x="21391" y="11584"/>
                    <a:pt x="21369" y="12281"/>
                    <a:pt x="21347" y="12803"/>
                  </a:cubicBezTo>
                  <a:close/>
                  <a:moveTo>
                    <a:pt x="2563" y="5139"/>
                  </a:moveTo>
                  <a:cubicBezTo>
                    <a:pt x="2596" y="5226"/>
                    <a:pt x="2629" y="5313"/>
                    <a:pt x="2651" y="5313"/>
                  </a:cubicBezTo>
                  <a:lnTo>
                    <a:pt x="2618" y="6794"/>
                  </a:lnTo>
                  <a:cubicBezTo>
                    <a:pt x="2596" y="6706"/>
                    <a:pt x="2563" y="6619"/>
                    <a:pt x="2541" y="6532"/>
                  </a:cubicBezTo>
                  <a:cubicBezTo>
                    <a:pt x="2508" y="6445"/>
                    <a:pt x="2475" y="6445"/>
                    <a:pt x="2442" y="6445"/>
                  </a:cubicBezTo>
                  <a:cubicBezTo>
                    <a:pt x="2387" y="6445"/>
                    <a:pt x="2332" y="6532"/>
                    <a:pt x="2277" y="6706"/>
                  </a:cubicBezTo>
                  <a:cubicBezTo>
                    <a:pt x="2233" y="6881"/>
                    <a:pt x="2189" y="7142"/>
                    <a:pt x="2145" y="7403"/>
                  </a:cubicBezTo>
                  <a:cubicBezTo>
                    <a:pt x="2112" y="7752"/>
                    <a:pt x="2079" y="8100"/>
                    <a:pt x="2057" y="8623"/>
                  </a:cubicBezTo>
                  <a:cubicBezTo>
                    <a:pt x="2035" y="9145"/>
                    <a:pt x="2024" y="9668"/>
                    <a:pt x="2024" y="10277"/>
                  </a:cubicBezTo>
                  <a:lnTo>
                    <a:pt x="2024" y="16200"/>
                  </a:lnTo>
                  <a:lnTo>
                    <a:pt x="1815" y="16200"/>
                  </a:lnTo>
                  <a:lnTo>
                    <a:pt x="1815" y="5226"/>
                  </a:lnTo>
                  <a:lnTo>
                    <a:pt x="1958" y="5226"/>
                  </a:lnTo>
                  <a:lnTo>
                    <a:pt x="1991" y="7403"/>
                  </a:lnTo>
                  <a:cubicBezTo>
                    <a:pt x="2024" y="6706"/>
                    <a:pt x="2079" y="6097"/>
                    <a:pt x="2156" y="5661"/>
                  </a:cubicBezTo>
                  <a:cubicBezTo>
                    <a:pt x="2233" y="5226"/>
                    <a:pt x="2321" y="5052"/>
                    <a:pt x="2420" y="5052"/>
                  </a:cubicBezTo>
                  <a:cubicBezTo>
                    <a:pt x="2486" y="5052"/>
                    <a:pt x="2519" y="5139"/>
                    <a:pt x="2563" y="5139"/>
                  </a:cubicBezTo>
                  <a:close/>
                  <a:moveTo>
                    <a:pt x="19235" y="5139"/>
                  </a:moveTo>
                  <a:cubicBezTo>
                    <a:pt x="19213" y="5139"/>
                    <a:pt x="19180" y="5052"/>
                    <a:pt x="19147" y="5052"/>
                  </a:cubicBezTo>
                  <a:cubicBezTo>
                    <a:pt x="19070" y="5052"/>
                    <a:pt x="18993" y="5139"/>
                    <a:pt x="18927" y="5313"/>
                  </a:cubicBezTo>
                  <a:cubicBezTo>
                    <a:pt x="18862" y="5487"/>
                    <a:pt x="18796" y="5748"/>
                    <a:pt x="18752" y="6010"/>
                  </a:cubicBezTo>
                  <a:cubicBezTo>
                    <a:pt x="18708" y="6271"/>
                    <a:pt x="18664" y="6706"/>
                    <a:pt x="18642" y="7229"/>
                  </a:cubicBezTo>
                  <a:cubicBezTo>
                    <a:pt x="18609" y="7664"/>
                    <a:pt x="18598" y="8274"/>
                    <a:pt x="18598" y="8884"/>
                  </a:cubicBezTo>
                  <a:cubicBezTo>
                    <a:pt x="18598" y="9755"/>
                    <a:pt x="18620" y="10452"/>
                    <a:pt x="18675" y="10974"/>
                  </a:cubicBezTo>
                  <a:cubicBezTo>
                    <a:pt x="18730" y="11497"/>
                    <a:pt x="18785" y="11932"/>
                    <a:pt x="18851" y="12194"/>
                  </a:cubicBezTo>
                  <a:cubicBezTo>
                    <a:pt x="18796" y="12368"/>
                    <a:pt x="18752" y="12629"/>
                    <a:pt x="18708" y="12977"/>
                  </a:cubicBezTo>
                  <a:cubicBezTo>
                    <a:pt x="18675" y="13326"/>
                    <a:pt x="18653" y="13761"/>
                    <a:pt x="18653" y="14197"/>
                  </a:cubicBezTo>
                  <a:cubicBezTo>
                    <a:pt x="18653" y="14632"/>
                    <a:pt x="18664" y="14893"/>
                    <a:pt x="18686" y="15155"/>
                  </a:cubicBezTo>
                  <a:cubicBezTo>
                    <a:pt x="18708" y="15416"/>
                    <a:pt x="18730" y="15590"/>
                    <a:pt x="18774" y="15764"/>
                  </a:cubicBezTo>
                  <a:cubicBezTo>
                    <a:pt x="18697" y="16026"/>
                    <a:pt x="18631" y="16287"/>
                    <a:pt x="18587" y="16635"/>
                  </a:cubicBezTo>
                  <a:cubicBezTo>
                    <a:pt x="18543" y="16984"/>
                    <a:pt x="18521" y="17506"/>
                    <a:pt x="18521" y="18116"/>
                  </a:cubicBezTo>
                  <a:cubicBezTo>
                    <a:pt x="18521" y="19161"/>
                    <a:pt x="18576" y="20032"/>
                    <a:pt x="18697" y="20642"/>
                  </a:cubicBezTo>
                  <a:cubicBezTo>
                    <a:pt x="18818" y="21252"/>
                    <a:pt x="18971" y="21513"/>
                    <a:pt x="19169" y="21513"/>
                  </a:cubicBezTo>
                  <a:cubicBezTo>
                    <a:pt x="19389" y="21513"/>
                    <a:pt x="19554" y="21164"/>
                    <a:pt x="19686" y="20468"/>
                  </a:cubicBezTo>
                  <a:cubicBezTo>
                    <a:pt x="19807" y="19771"/>
                    <a:pt x="19873" y="18900"/>
                    <a:pt x="19873" y="17681"/>
                  </a:cubicBezTo>
                  <a:cubicBezTo>
                    <a:pt x="19873" y="16810"/>
                    <a:pt x="19829" y="16113"/>
                    <a:pt x="19752" y="15590"/>
                  </a:cubicBezTo>
                  <a:cubicBezTo>
                    <a:pt x="19675" y="15068"/>
                    <a:pt x="19554" y="14806"/>
                    <a:pt x="19400" y="14806"/>
                  </a:cubicBezTo>
                  <a:lnTo>
                    <a:pt x="19037" y="14806"/>
                  </a:lnTo>
                  <a:cubicBezTo>
                    <a:pt x="18982" y="14806"/>
                    <a:pt x="18938" y="14719"/>
                    <a:pt x="18905" y="14545"/>
                  </a:cubicBezTo>
                  <a:cubicBezTo>
                    <a:pt x="18873" y="14371"/>
                    <a:pt x="18851" y="14110"/>
                    <a:pt x="18851" y="13761"/>
                  </a:cubicBezTo>
                  <a:cubicBezTo>
                    <a:pt x="18851" y="13500"/>
                    <a:pt x="18862" y="13239"/>
                    <a:pt x="18884" y="12977"/>
                  </a:cubicBezTo>
                  <a:cubicBezTo>
                    <a:pt x="18905" y="12716"/>
                    <a:pt x="18938" y="12542"/>
                    <a:pt x="18993" y="12455"/>
                  </a:cubicBezTo>
                  <a:cubicBezTo>
                    <a:pt x="19026" y="12455"/>
                    <a:pt x="19048" y="12542"/>
                    <a:pt x="19070" y="12542"/>
                  </a:cubicBezTo>
                  <a:cubicBezTo>
                    <a:pt x="19092" y="12542"/>
                    <a:pt x="19125" y="12542"/>
                    <a:pt x="19147" y="12542"/>
                  </a:cubicBezTo>
                  <a:cubicBezTo>
                    <a:pt x="19224" y="12542"/>
                    <a:pt x="19301" y="12455"/>
                    <a:pt x="19367" y="12281"/>
                  </a:cubicBezTo>
                  <a:cubicBezTo>
                    <a:pt x="19433" y="12106"/>
                    <a:pt x="19488" y="11845"/>
                    <a:pt x="19543" y="11584"/>
                  </a:cubicBezTo>
                  <a:cubicBezTo>
                    <a:pt x="19587" y="11235"/>
                    <a:pt x="19631" y="10887"/>
                    <a:pt x="19653" y="10365"/>
                  </a:cubicBezTo>
                  <a:cubicBezTo>
                    <a:pt x="19686" y="9929"/>
                    <a:pt x="19697" y="9319"/>
                    <a:pt x="19697" y="8710"/>
                  </a:cubicBezTo>
                  <a:cubicBezTo>
                    <a:pt x="19697" y="8187"/>
                    <a:pt x="19686" y="7665"/>
                    <a:pt x="19653" y="7229"/>
                  </a:cubicBezTo>
                  <a:cubicBezTo>
                    <a:pt x="19620" y="6794"/>
                    <a:pt x="19587" y="6358"/>
                    <a:pt x="19532" y="6097"/>
                  </a:cubicBezTo>
                  <a:lnTo>
                    <a:pt x="19785" y="6271"/>
                  </a:lnTo>
                  <a:lnTo>
                    <a:pt x="19917" y="6271"/>
                  </a:lnTo>
                  <a:lnTo>
                    <a:pt x="19917" y="5226"/>
                  </a:lnTo>
                  <a:lnTo>
                    <a:pt x="19323" y="5226"/>
                  </a:lnTo>
                  <a:cubicBezTo>
                    <a:pt x="19290" y="5226"/>
                    <a:pt x="19257" y="5139"/>
                    <a:pt x="19235" y="5139"/>
                  </a:cubicBezTo>
                  <a:close/>
                  <a:moveTo>
                    <a:pt x="18884" y="16200"/>
                  </a:moveTo>
                  <a:lnTo>
                    <a:pt x="19301" y="16200"/>
                  </a:lnTo>
                  <a:cubicBezTo>
                    <a:pt x="19345" y="16200"/>
                    <a:pt x="19400" y="16200"/>
                    <a:pt x="19433" y="16287"/>
                  </a:cubicBezTo>
                  <a:cubicBezTo>
                    <a:pt x="19466" y="16374"/>
                    <a:pt x="19510" y="16461"/>
                    <a:pt x="19543" y="16548"/>
                  </a:cubicBezTo>
                  <a:cubicBezTo>
                    <a:pt x="19576" y="16723"/>
                    <a:pt x="19598" y="16897"/>
                    <a:pt x="19609" y="17071"/>
                  </a:cubicBezTo>
                  <a:cubicBezTo>
                    <a:pt x="19631" y="17332"/>
                    <a:pt x="19631" y="17594"/>
                    <a:pt x="19631" y="17942"/>
                  </a:cubicBezTo>
                  <a:cubicBezTo>
                    <a:pt x="19631" y="18203"/>
                    <a:pt x="19620" y="18465"/>
                    <a:pt x="19609" y="18813"/>
                  </a:cubicBezTo>
                  <a:cubicBezTo>
                    <a:pt x="19587" y="19074"/>
                    <a:pt x="19565" y="19336"/>
                    <a:pt x="19521" y="19597"/>
                  </a:cubicBezTo>
                  <a:cubicBezTo>
                    <a:pt x="19477" y="19858"/>
                    <a:pt x="19433" y="20032"/>
                    <a:pt x="19367" y="20119"/>
                  </a:cubicBezTo>
                  <a:cubicBezTo>
                    <a:pt x="19301" y="20206"/>
                    <a:pt x="19235" y="20294"/>
                    <a:pt x="19147" y="20294"/>
                  </a:cubicBezTo>
                  <a:cubicBezTo>
                    <a:pt x="19004" y="20294"/>
                    <a:pt x="18895" y="20119"/>
                    <a:pt x="18818" y="19684"/>
                  </a:cubicBezTo>
                  <a:cubicBezTo>
                    <a:pt x="18741" y="19336"/>
                    <a:pt x="18697" y="18726"/>
                    <a:pt x="18697" y="17942"/>
                  </a:cubicBezTo>
                  <a:cubicBezTo>
                    <a:pt x="18697" y="17506"/>
                    <a:pt x="18708" y="17158"/>
                    <a:pt x="18741" y="16897"/>
                  </a:cubicBezTo>
                  <a:cubicBezTo>
                    <a:pt x="18796" y="16635"/>
                    <a:pt x="18829" y="16374"/>
                    <a:pt x="18884" y="16200"/>
                  </a:cubicBezTo>
                  <a:close/>
                  <a:moveTo>
                    <a:pt x="19477" y="8884"/>
                  </a:moveTo>
                  <a:cubicBezTo>
                    <a:pt x="19477" y="9755"/>
                    <a:pt x="19444" y="10365"/>
                    <a:pt x="19389" y="10800"/>
                  </a:cubicBezTo>
                  <a:cubicBezTo>
                    <a:pt x="19334" y="11236"/>
                    <a:pt x="19246" y="11410"/>
                    <a:pt x="19147" y="11410"/>
                  </a:cubicBezTo>
                  <a:cubicBezTo>
                    <a:pt x="19048" y="11410"/>
                    <a:pt x="18971" y="11236"/>
                    <a:pt x="18905" y="10800"/>
                  </a:cubicBezTo>
                  <a:cubicBezTo>
                    <a:pt x="18840" y="10365"/>
                    <a:pt x="18807" y="9668"/>
                    <a:pt x="18807" y="8797"/>
                  </a:cubicBezTo>
                  <a:cubicBezTo>
                    <a:pt x="18807" y="7926"/>
                    <a:pt x="18840" y="7316"/>
                    <a:pt x="18905" y="6881"/>
                  </a:cubicBezTo>
                  <a:cubicBezTo>
                    <a:pt x="18971" y="6445"/>
                    <a:pt x="19048" y="6271"/>
                    <a:pt x="19158" y="6271"/>
                  </a:cubicBezTo>
                  <a:cubicBezTo>
                    <a:pt x="19257" y="6271"/>
                    <a:pt x="19334" y="6532"/>
                    <a:pt x="19400" y="6968"/>
                  </a:cubicBezTo>
                  <a:cubicBezTo>
                    <a:pt x="19444" y="7403"/>
                    <a:pt x="19477" y="8013"/>
                    <a:pt x="19477" y="8884"/>
                  </a:cubicBezTo>
                  <a:close/>
                  <a:moveTo>
                    <a:pt x="14319" y="435"/>
                  </a:moveTo>
                  <a:cubicBezTo>
                    <a:pt x="14352" y="610"/>
                    <a:pt x="14363" y="871"/>
                    <a:pt x="14363" y="1219"/>
                  </a:cubicBezTo>
                  <a:cubicBezTo>
                    <a:pt x="14363" y="1568"/>
                    <a:pt x="14352" y="1829"/>
                    <a:pt x="14319" y="2003"/>
                  </a:cubicBezTo>
                  <a:cubicBezTo>
                    <a:pt x="14286" y="2177"/>
                    <a:pt x="14264" y="2264"/>
                    <a:pt x="14220" y="2264"/>
                  </a:cubicBezTo>
                  <a:cubicBezTo>
                    <a:pt x="14176" y="2264"/>
                    <a:pt x="14143" y="2177"/>
                    <a:pt x="14121" y="1916"/>
                  </a:cubicBezTo>
                  <a:cubicBezTo>
                    <a:pt x="14099" y="1742"/>
                    <a:pt x="14077" y="1481"/>
                    <a:pt x="14077" y="1132"/>
                  </a:cubicBezTo>
                  <a:cubicBezTo>
                    <a:pt x="14077" y="784"/>
                    <a:pt x="14088" y="523"/>
                    <a:pt x="14121" y="348"/>
                  </a:cubicBezTo>
                  <a:cubicBezTo>
                    <a:pt x="14143" y="174"/>
                    <a:pt x="14176" y="0"/>
                    <a:pt x="14220" y="0"/>
                  </a:cubicBezTo>
                  <a:cubicBezTo>
                    <a:pt x="14253" y="174"/>
                    <a:pt x="14286" y="261"/>
                    <a:pt x="14319" y="435"/>
                  </a:cubicBezTo>
                  <a:close/>
                  <a:moveTo>
                    <a:pt x="13527" y="14545"/>
                  </a:moveTo>
                  <a:lnTo>
                    <a:pt x="13560" y="15765"/>
                  </a:lnTo>
                  <a:cubicBezTo>
                    <a:pt x="13516" y="15852"/>
                    <a:pt x="13473" y="16026"/>
                    <a:pt x="13418" y="16113"/>
                  </a:cubicBezTo>
                  <a:cubicBezTo>
                    <a:pt x="13363" y="16200"/>
                    <a:pt x="13297" y="16287"/>
                    <a:pt x="13231" y="16287"/>
                  </a:cubicBezTo>
                  <a:cubicBezTo>
                    <a:pt x="12978" y="16287"/>
                    <a:pt x="12857" y="15416"/>
                    <a:pt x="12857" y="13587"/>
                  </a:cubicBezTo>
                  <a:lnTo>
                    <a:pt x="12857" y="6532"/>
                  </a:lnTo>
                  <a:lnTo>
                    <a:pt x="12626" y="6532"/>
                  </a:lnTo>
                  <a:lnTo>
                    <a:pt x="12626" y="5226"/>
                  </a:lnTo>
                  <a:lnTo>
                    <a:pt x="12857" y="5226"/>
                  </a:lnTo>
                  <a:lnTo>
                    <a:pt x="12857" y="1742"/>
                  </a:lnTo>
                  <a:lnTo>
                    <a:pt x="13066" y="1742"/>
                  </a:lnTo>
                  <a:lnTo>
                    <a:pt x="13066" y="5226"/>
                  </a:lnTo>
                  <a:lnTo>
                    <a:pt x="13505" y="5226"/>
                  </a:lnTo>
                  <a:lnTo>
                    <a:pt x="13505" y="6445"/>
                  </a:lnTo>
                  <a:lnTo>
                    <a:pt x="13066" y="6445"/>
                  </a:lnTo>
                  <a:lnTo>
                    <a:pt x="13066" y="13239"/>
                  </a:lnTo>
                  <a:cubicBezTo>
                    <a:pt x="13066" y="13848"/>
                    <a:pt x="13088" y="14284"/>
                    <a:pt x="13121" y="14545"/>
                  </a:cubicBezTo>
                  <a:cubicBezTo>
                    <a:pt x="13154" y="14806"/>
                    <a:pt x="13209" y="14894"/>
                    <a:pt x="13275" y="14894"/>
                  </a:cubicBezTo>
                  <a:cubicBezTo>
                    <a:pt x="13319" y="14894"/>
                    <a:pt x="13374" y="14894"/>
                    <a:pt x="13418" y="14806"/>
                  </a:cubicBezTo>
                  <a:cubicBezTo>
                    <a:pt x="13451" y="14719"/>
                    <a:pt x="13484" y="14632"/>
                    <a:pt x="13527" y="14545"/>
                  </a:cubicBezTo>
                  <a:close/>
                  <a:moveTo>
                    <a:pt x="14121" y="5226"/>
                  </a:moveTo>
                  <a:lnTo>
                    <a:pt x="14330" y="5226"/>
                  </a:lnTo>
                  <a:lnTo>
                    <a:pt x="14330" y="16200"/>
                  </a:lnTo>
                  <a:lnTo>
                    <a:pt x="14121" y="16200"/>
                  </a:lnTo>
                  <a:lnTo>
                    <a:pt x="14121" y="5226"/>
                  </a:lnTo>
                  <a:close/>
                  <a:moveTo>
                    <a:pt x="16057" y="6445"/>
                  </a:moveTo>
                  <a:cubicBezTo>
                    <a:pt x="16002" y="6010"/>
                    <a:pt x="15936" y="5661"/>
                    <a:pt x="15848" y="5400"/>
                  </a:cubicBezTo>
                  <a:cubicBezTo>
                    <a:pt x="15760" y="5139"/>
                    <a:pt x="15683" y="5052"/>
                    <a:pt x="15595" y="5052"/>
                  </a:cubicBezTo>
                  <a:cubicBezTo>
                    <a:pt x="15507" y="5052"/>
                    <a:pt x="15419" y="5139"/>
                    <a:pt x="15331" y="5400"/>
                  </a:cubicBezTo>
                  <a:cubicBezTo>
                    <a:pt x="15254" y="5661"/>
                    <a:pt x="15177" y="6010"/>
                    <a:pt x="15122" y="6532"/>
                  </a:cubicBezTo>
                  <a:cubicBezTo>
                    <a:pt x="15067" y="7055"/>
                    <a:pt x="15012" y="7664"/>
                    <a:pt x="14979" y="8361"/>
                  </a:cubicBezTo>
                  <a:cubicBezTo>
                    <a:pt x="14946" y="9058"/>
                    <a:pt x="14924" y="9929"/>
                    <a:pt x="14924" y="10800"/>
                  </a:cubicBezTo>
                  <a:cubicBezTo>
                    <a:pt x="14924" y="11671"/>
                    <a:pt x="14946" y="12542"/>
                    <a:pt x="14979" y="13239"/>
                  </a:cubicBezTo>
                  <a:cubicBezTo>
                    <a:pt x="15012" y="13935"/>
                    <a:pt x="15056" y="14545"/>
                    <a:pt x="15111" y="14981"/>
                  </a:cubicBezTo>
                  <a:cubicBezTo>
                    <a:pt x="15166" y="15416"/>
                    <a:pt x="15232" y="15852"/>
                    <a:pt x="15320" y="16026"/>
                  </a:cubicBezTo>
                  <a:cubicBezTo>
                    <a:pt x="15397" y="16287"/>
                    <a:pt x="15485" y="16374"/>
                    <a:pt x="15573" y="16374"/>
                  </a:cubicBezTo>
                  <a:cubicBezTo>
                    <a:pt x="15661" y="16374"/>
                    <a:pt x="15749" y="16287"/>
                    <a:pt x="15826" y="16026"/>
                  </a:cubicBezTo>
                  <a:cubicBezTo>
                    <a:pt x="15903" y="15765"/>
                    <a:pt x="15980" y="15416"/>
                    <a:pt x="16035" y="14894"/>
                  </a:cubicBezTo>
                  <a:cubicBezTo>
                    <a:pt x="16090" y="14371"/>
                    <a:pt x="16145" y="13761"/>
                    <a:pt x="16178" y="13064"/>
                  </a:cubicBezTo>
                  <a:cubicBezTo>
                    <a:pt x="16211" y="12368"/>
                    <a:pt x="16233" y="11497"/>
                    <a:pt x="16233" y="10626"/>
                  </a:cubicBezTo>
                  <a:cubicBezTo>
                    <a:pt x="16233" y="9755"/>
                    <a:pt x="16222" y="8884"/>
                    <a:pt x="16189" y="8274"/>
                  </a:cubicBezTo>
                  <a:cubicBezTo>
                    <a:pt x="16156" y="7664"/>
                    <a:pt x="16123" y="6968"/>
                    <a:pt x="16057" y="6445"/>
                  </a:cubicBezTo>
                  <a:close/>
                  <a:moveTo>
                    <a:pt x="15991" y="12803"/>
                  </a:moveTo>
                  <a:cubicBezTo>
                    <a:pt x="15969" y="13326"/>
                    <a:pt x="15936" y="13848"/>
                    <a:pt x="15892" y="14197"/>
                  </a:cubicBezTo>
                  <a:cubicBezTo>
                    <a:pt x="15848" y="14545"/>
                    <a:pt x="15804" y="14806"/>
                    <a:pt x="15749" y="14981"/>
                  </a:cubicBezTo>
                  <a:cubicBezTo>
                    <a:pt x="15694" y="15155"/>
                    <a:pt x="15639" y="15242"/>
                    <a:pt x="15584" y="15242"/>
                  </a:cubicBezTo>
                  <a:cubicBezTo>
                    <a:pt x="15529" y="15242"/>
                    <a:pt x="15474" y="15155"/>
                    <a:pt x="15419" y="14981"/>
                  </a:cubicBezTo>
                  <a:cubicBezTo>
                    <a:pt x="15364" y="14806"/>
                    <a:pt x="15320" y="14545"/>
                    <a:pt x="15276" y="14197"/>
                  </a:cubicBezTo>
                  <a:cubicBezTo>
                    <a:pt x="15232" y="13848"/>
                    <a:pt x="15199" y="13413"/>
                    <a:pt x="15177" y="12803"/>
                  </a:cubicBezTo>
                  <a:cubicBezTo>
                    <a:pt x="15155" y="12281"/>
                    <a:pt x="15144" y="11584"/>
                    <a:pt x="15144" y="10800"/>
                  </a:cubicBezTo>
                  <a:cubicBezTo>
                    <a:pt x="15144" y="10016"/>
                    <a:pt x="15155" y="9319"/>
                    <a:pt x="15177" y="8797"/>
                  </a:cubicBezTo>
                  <a:cubicBezTo>
                    <a:pt x="15199" y="8274"/>
                    <a:pt x="15232" y="7752"/>
                    <a:pt x="15276" y="7490"/>
                  </a:cubicBezTo>
                  <a:cubicBezTo>
                    <a:pt x="15320" y="7142"/>
                    <a:pt x="15364" y="6881"/>
                    <a:pt x="15419" y="6706"/>
                  </a:cubicBezTo>
                  <a:cubicBezTo>
                    <a:pt x="15474" y="6532"/>
                    <a:pt x="15529" y="6445"/>
                    <a:pt x="15584" y="6445"/>
                  </a:cubicBezTo>
                  <a:cubicBezTo>
                    <a:pt x="15639" y="6445"/>
                    <a:pt x="15694" y="6532"/>
                    <a:pt x="15749" y="6706"/>
                  </a:cubicBezTo>
                  <a:cubicBezTo>
                    <a:pt x="15804" y="6881"/>
                    <a:pt x="15848" y="7142"/>
                    <a:pt x="15892" y="7490"/>
                  </a:cubicBezTo>
                  <a:cubicBezTo>
                    <a:pt x="15936" y="7839"/>
                    <a:pt x="15969" y="8274"/>
                    <a:pt x="15991" y="8884"/>
                  </a:cubicBezTo>
                  <a:cubicBezTo>
                    <a:pt x="16013" y="9406"/>
                    <a:pt x="16024" y="10103"/>
                    <a:pt x="16024" y="10887"/>
                  </a:cubicBezTo>
                  <a:cubicBezTo>
                    <a:pt x="16024" y="11584"/>
                    <a:pt x="16013" y="12281"/>
                    <a:pt x="15991" y="12803"/>
                  </a:cubicBezTo>
                  <a:close/>
                  <a:moveTo>
                    <a:pt x="8930" y="6010"/>
                  </a:moveTo>
                  <a:cubicBezTo>
                    <a:pt x="9007" y="6619"/>
                    <a:pt x="9051" y="7490"/>
                    <a:pt x="9051" y="8623"/>
                  </a:cubicBezTo>
                  <a:lnTo>
                    <a:pt x="9051" y="16200"/>
                  </a:lnTo>
                  <a:lnTo>
                    <a:pt x="8842" y="16200"/>
                  </a:lnTo>
                  <a:lnTo>
                    <a:pt x="8842" y="8884"/>
                  </a:lnTo>
                  <a:cubicBezTo>
                    <a:pt x="8842" y="8187"/>
                    <a:pt x="8820" y="7577"/>
                    <a:pt x="8776" y="7055"/>
                  </a:cubicBezTo>
                  <a:cubicBezTo>
                    <a:pt x="8732" y="6619"/>
                    <a:pt x="8655" y="6358"/>
                    <a:pt x="8534" y="6358"/>
                  </a:cubicBezTo>
                  <a:cubicBezTo>
                    <a:pt x="8468" y="6358"/>
                    <a:pt x="8391" y="6532"/>
                    <a:pt x="8325" y="6794"/>
                  </a:cubicBezTo>
                  <a:cubicBezTo>
                    <a:pt x="8259" y="7055"/>
                    <a:pt x="8193" y="7490"/>
                    <a:pt x="8138" y="7926"/>
                  </a:cubicBezTo>
                  <a:lnTo>
                    <a:pt x="8138" y="16200"/>
                  </a:lnTo>
                  <a:lnTo>
                    <a:pt x="7930" y="16200"/>
                  </a:lnTo>
                  <a:lnTo>
                    <a:pt x="7930" y="5226"/>
                  </a:lnTo>
                  <a:lnTo>
                    <a:pt x="8084" y="5226"/>
                  </a:lnTo>
                  <a:lnTo>
                    <a:pt x="8116" y="6706"/>
                  </a:lnTo>
                  <a:cubicBezTo>
                    <a:pt x="8182" y="6184"/>
                    <a:pt x="8259" y="5748"/>
                    <a:pt x="8336" y="5487"/>
                  </a:cubicBezTo>
                  <a:cubicBezTo>
                    <a:pt x="8413" y="5226"/>
                    <a:pt x="8501" y="5052"/>
                    <a:pt x="8600" y="5052"/>
                  </a:cubicBezTo>
                  <a:cubicBezTo>
                    <a:pt x="8732" y="5052"/>
                    <a:pt x="8853" y="5400"/>
                    <a:pt x="8930" y="6010"/>
                  </a:cubicBezTo>
                  <a:close/>
                  <a:moveTo>
                    <a:pt x="11922" y="5923"/>
                  </a:moveTo>
                  <a:cubicBezTo>
                    <a:pt x="11878" y="5574"/>
                    <a:pt x="11823" y="5400"/>
                    <a:pt x="11768" y="5226"/>
                  </a:cubicBezTo>
                  <a:cubicBezTo>
                    <a:pt x="11713" y="5052"/>
                    <a:pt x="11647" y="5052"/>
                    <a:pt x="11570" y="5052"/>
                  </a:cubicBezTo>
                  <a:cubicBezTo>
                    <a:pt x="11471" y="5052"/>
                    <a:pt x="11394" y="5139"/>
                    <a:pt x="11306" y="5313"/>
                  </a:cubicBezTo>
                  <a:cubicBezTo>
                    <a:pt x="11229" y="5487"/>
                    <a:pt x="11141" y="5748"/>
                    <a:pt x="11053" y="6184"/>
                  </a:cubicBezTo>
                  <a:lnTo>
                    <a:pt x="11130" y="7316"/>
                  </a:lnTo>
                  <a:cubicBezTo>
                    <a:pt x="11218" y="6968"/>
                    <a:pt x="11295" y="6706"/>
                    <a:pt x="11361" y="6532"/>
                  </a:cubicBezTo>
                  <a:cubicBezTo>
                    <a:pt x="11427" y="6358"/>
                    <a:pt x="11493" y="6358"/>
                    <a:pt x="11548" y="6358"/>
                  </a:cubicBezTo>
                  <a:cubicBezTo>
                    <a:pt x="11636" y="6358"/>
                    <a:pt x="11713" y="6532"/>
                    <a:pt x="11768" y="6881"/>
                  </a:cubicBezTo>
                  <a:cubicBezTo>
                    <a:pt x="11823" y="7229"/>
                    <a:pt x="11856" y="7926"/>
                    <a:pt x="11856" y="8797"/>
                  </a:cubicBezTo>
                  <a:lnTo>
                    <a:pt x="11856" y="9581"/>
                  </a:lnTo>
                  <a:lnTo>
                    <a:pt x="11581" y="9581"/>
                  </a:lnTo>
                  <a:cubicBezTo>
                    <a:pt x="11493" y="9581"/>
                    <a:pt x="11405" y="9668"/>
                    <a:pt x="11328" y="9842"/>
                  </a:cubicBezTo>
                  <a:cubicBezTo>
                    <a:pt x="11251" y="10016"/>
                    <a:pt x="11185" y="10190"/>
                    <a:pt x="11130" y="10539"/>
                  </a:cubicBezTo>
                  <a:cubicBezTo>
                    <a:pt x="11075" y="10800"/>
                    <a:pt x="11031" y="11235"/>
                    <a:pt x="11009" y="11671"/>
                  </a:cubicBezTo>
                  <a:cubicBezTo>
                    <a:pt x="10987" y="12106"/>
                    <a:pt x="10965" y="12629"/>
                    <a:pt x="10965" y="13152"/>
                  </a:cubicBezTo>
                  <a:cubicBezTo>
                    <a:pt x="10965" y="13674"/>
                    <a:pt x="10976" y="14110"/>
                    <a:pt x="10998" y="14458"/>
                  </a:cubicBezTo>
                  <a:cubicBezTo>
                    <a:pt x="11020" y="14806"/>
                    <a:pt x="11053" y="15155"/>
                    <a:pt x="11097" y="15503"/>
                  </a:cubicBezTo>
                  <a:cubicBezTo>
                    <a:pt x="11141" y="15764"/>
                    <a:pt x="11185" y="16026"/>
                    <a:pt x="11240" y="16113"/>
                  </a:cubicBezTo>
                  <a:cubicBezTo>
                    <a:pt x="11295" y="16287"/>
                    <a:pt x="11361" y="16374"/>
                    <a:pt x="11427" y="16374"/>
                  </a:cubicBezTo>
                  <a:cubicBezTo>
                    <a:pt x="11515" y="16374"/>
                    <a:pt x="11603" y="16287"/>
                    <a:pt x="11680" y="16026"/>
                  </a:cubicBezTo>
                  <a:cubicBezTo>
                    <a:pt x="11757" y="15765"/>
                    <a:pt x="11823" y="15416"/>
                    <a:pt x="11878" y="14806"/>
                  </a:cubicBezTo>
                  <a:lnTo>
                    <a:pt x="11889" y="14806"/>
                  </a:lnTo>
                  <a:lnTo>
                    <a:pt x="11922" y="16113"/>
                  </a:lnTo>
                  <a:lnTo>
                    <a:pt x="12087" y="16113"/>
                  </a:lnTo>
                  <a:lnTo>
                    <a:pt x="12087" y="8971"/>
                  </a:lnTo>
                  <a:cubicBezTo>
                    <a:pt x="12087" y="8187"/>
                    <a:pt x="12076" y="7577"/>
                    <a:pt x="12054" y="7055"/>
                  </a:cubicBezTo>
                  <a:cubicBezTo>
                    <a:pt x="11999" y="6706"/>
                    <a:pt x="11966" y="6271"/>
                    <a:pt x="11922" y="5923"/>
                  </a:cubicBezTo>
                  <a:close/>
                  <a:moveTo>
                    <a:pt x="11856" y="13500"/>
                  </a:moveTo>
                  <a:cubicBezTo>
                    <a:pt x="11801" y="14110"/>
                    <a:pt x="11746" y="14545"/>
                    <a:pt x="11669" y="14806"/>
                  </a:cubicBezTo>
                  <a:cubicBezTo>
                    <a:pt x="11603" y="15068"/>
                    <a:pt x="11526" y="15155"/>
                    <a:pt x="11460" y="15155"/>
                  </a:cubicBezTo>
                  <a:cubicBezTo>
                    <a:pt x="11383" y="15155"/>
                    <a:pt x="11317" y="14981"/>
                    <a:pt x="11251" y="14719"/>
                  </a:cubicBezTo>
                  <a:cubicBezTo>
                    <a:pt x="11196" y="14458"/>
                    <a:pt x="11163" y="13935"/>
                    <a:pt x="11163" y="13152"/>
                  </a:cubicBezTo>
                  <a:cubicBezTo>
                    <a:pt x="11163" y="12542"/>
                    <a:pt x="11196" y="12019"/>
                    <a:pt x="11262" y="11584"/>
                  </a:cubicBezTo>
                  <a:cubicBezTo>
                    <a:pt x="11328" y="11148"/>
                    <a:pt x="11449" y="10974"/>
                    <a:pt x="11614" y="10887"/>
                  </a:cubicBezTo>
                  <a:lnTo>
                    <a:pt x="11845" y="10887"/>
                  </a:lnTo>
                  <a:lnTo>
                    <a:pt x="11845" y="13500"/>
                  </a:lnTo>
                  <a:close/>
                  <a:moveTo>
                    <a:pt x="10503" y="14545"/>
                  </a:moveTo>
                  <a:lnTo>
                    <a:pt x="10536" y="15765"/>
                  </a:lnTo>
                  <a:cubicBezTo>
                    <a:pt x="10492" y="15852"/>
                    <a:pt x="10448" y="16026"/>
                    <a:pt x="10393" y="16113"/>
                  </a:cubicBezTo>
                  <a:cubicBezTo>
                    <a:pt x="10338" y="16200"/>
                    <a:pt x="10272" y="16287"/>
                    <a:pt x="10206" y="16287"/>
                  </a:cubicBezTo>
                  <a:cubicBezTo>
                    <a:pt x="9953" y="16287"/>
                    <a:pt x="9832" y="15416"/>
                    <a:pt x="9832" y="13587"/>
                  </a:cubicBezTo>
                  <a:lnTo>
                    <a:pt x="9832" y="6532"/>
                  </a:lnTo>
                  <a:lnTo>
                    <a:pt x="9601" y="6532"/>
                  </a:lnTo>
                  <a:lnTo>
                    <a:pt x="9601" y="5226"/>
                  </a:lnTo>
                  <a:lnTo>
                    <a:pt x="9832" y="5226"/>
                  </a:lnTo>
                  <a:lnTo>
                    <a:pt x="9832" y="1742"/>
                  </a:lnTo>
                  <a:lnTo>
                    <a:pt x="10041" y="1742"/>
                  </a:lnTo>
                  <a:lnTo>
                    <a:pt x="10041" y="5226"/>
                  </a:lnTo>
                  <a:lnTo>
                    <a:pt x="10481" y="5226"/>
                  </a:lnTo>
                  <a:lnTo>
                    <a:pt x="10481" y="6445"/>
                  </a:lnTo>
                  <a:lnTo>
                    <a:pt x="10041" y="6445"/>
                  </a:lnTo>
                  <a:lnTo>
                    <a:pt x="10041" y="13239"/>
                  </a:lnTo>
                  <a:cubicBezTo>
                    <a:pt x="10041" y="13848"/>
                    <a:pt x="10063" y="14284"/>
                    <a:pt x="10096" y="14545"/>
                  </a:cubicBezTo>
                  <a:cubicBezTo>
                    <a:pt x="10129" y="14806"/>
                    <a:pt x="10184" y="14894"/>
                    <a:pt x="10250" y="14894"/>
                  </a:cubicBezTo>
                  <a:cubicBezTo>
                    <a:pt x="10294" y="14894"/>
                    <a:pt x="10349" y="14894"/>
                    <a:pt x="10393" y="14806"/>
                  </a:cubicBezTo>
                  <a:cubicBezTo>
                    <a:pt x="10426" y="14719"/>
                    <a:pt x="10459" y="14632"/>
                    <a:pt x="10503" y="14545"/>
                  </a:cubicBezTo>
                  <a:close/>
                  <a:moveTo>
                    <a:pt x="17839" y="6010"/>
                  </a:moveTo>
                  <a:cubicBezTo>
                    <a:pt x="17916" y="6619"/>
                    <a:pt x="17960" y="7490"/>
                    <a:pt x="17960" y="8623"/>
                  </a:cubicBezTo>
                  <a:lnTo>
                    <a:pt x="17960" y="16200"/>
                  </a:lnTo>
                  <a:lnTo>
                    <a:pt x="17751" y="16200"/>
                  </a:lnTo>
                  <a:lnTo>
                    <a:pt x="17751" y="8884"/>
                  </a:lnTo>
                  <a:cubicBezTo>
                    <a:pt x="17751" y="8187"/>
                    <a:pt x="17729" y="7577"/>
                    <a:pt x="17685" y="7055"/>
                  </a:cubicBezTo>
                  <a:cubicBezTo>
                    <a:pt x="17641" y="6619"/>
                    <a:pt x="17564" y="6358"/>
                    <a:pt x="17443" y="6358"/>
                  </a:cubicBezTo>
                  <a:cubicBezTo>
                    <a:pt x="17377" y="6358"/>
                    <a:pt x="17300" y="6532"/>
                    <a:pt x="17234" y="6794"/>
                  </a:cubicBezTo>
                  <a:cubicBezTo>
                    <a:pt x="17168" y="7055"/>
                    <a:pt x="17102" y="7490"/>
                    <a:pt x="17047" y="7926"/>
                  </a:cubicBezTo>
                  <a:lnTo>
                    <a:pt x="17047" y="16200"/>
                  </a:lnTo>
                  <a:lnTo>
                    <a:pt x="16838" y="16200"/>
                  </a:lnTo>
                  <a:lnTo>
                    <a:pt x="16838" y="5226"/>
                  </a:lnTo>
                  <a:lnTo>
                    <a:pt x="16992" y="5226"/>
                  </a:lnTo>
                  <a:lnTo>
                    <a:pt x="17025" y="6706"/>
                  </a:lnTo>
                  <a:cubicBezTo>
                    <a:pt x="17091" y="6184"/>
                    <a:pt x="17168" y="5748"/>
                    <a:pt x="17245" y="5487"/>
                  </a:cubicBezTo>
                  <a:cubicBezTo>
                    <a:pt x="17322" y="5226"/>
                    <a:pt x="17410" y="5052"/>
                    <a:pt x="17509" y="5052"/>
                  </a:cubicBezTo>
                  <a:cubicBezTo>
                    <a:pt x="17652" y="5052"/>
                    <a:pt x="17762" y="5400"/>
                    <a:pt x="17839" y="6010"/>
                  </a:cubicBezTo>
                  <a:close/>
                </a:path>
              </a:pathLst>
            </a:custGeom>
            <a:solidFill>
              <a:srgbClr val="022032"/>
            </a:solidFill>
            <a:ln w="12700">
              <a:miter lim="400000"/>
            </a:ln>
          </p:spPr>
          <p:txBody>
            <a:bodyPr lIns="38100" tIns="38100" rIns="38100" bIns="3810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>
                  <a:solidFill>
                    <a:srgbClr val="FFFFFF"/>
                  </a:solidFill>
                </a:defRPr>
              </a:pPr>
              <a:endParaRPr kumimoji="0" sz="30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endParaRPr>
            </a:p>
          </p:txBody>
        </p:sp>
        <p:sp>
          <p:nvSpPr>
            <p:cNvPr id="19" name="Shape">
              <a:extLst>
                <a:ext uri="{FF2B5EF4-FFF2-40B4-BE49-F238E27FC236}">
                  <a16:creationId xmlns:a16="http://schemas.microsoft.com/office/drawing/2014/main" id="{F7DA369F-8273-A13B-7B94-B212C391EF3A}"/>
                </a:ext>
              </a:extLst>
            </p:cNvPr>
            <p:cNvSpPr/>
            <p:nvPr userDrawn="1"/>
          </p:nvSpPr>
          <p:spPr>
            <a:xfrm>
              <a:off x="1714499" y="5257800"/>
              <a:ext cx="4141472" cy="168911"/>
            </a:xfrm>
            <a:custGeom>
              <a:avLst/>
              <a:gdLst/>
              <a:ahLst/>
              <a:cxnLst>
                <a:cxn ang="0">
                  <a:pos x="wd2" y="hd2"/>
                </a:cxn>
                <a:cxn ang="5400000">
                  <a:pos x="wd2" y="hd2"/>
                </a:cxn>
                <a:cxn ang="10800000">
                  <a:pos x="wd2" y="hd2"/>
                </a:cxn>
                <a:cxn ang="16200000">
                  <a:pos x="wd2" y="hd2"/>
                </a:cxn>
              </a:cxnLst>
              <a:rect l="0" t="0" r="r" b="b"/>
              <a:pathLst>
                <a:path w="21600" h="21600" extrusionOk="0">
                  <a:moveTo>
                    <a:pt x="4259" y="17540"/>
                  </a:moveTo>
                  <a:cubicBezTo>
                    <a:pt x="4279" y="18027"/>
                    <a:pt x="4286" y="18514"/>
                    <a:pt x="4286" y="19164"/>
                  </a:cubicBezTo>
                  <a:cubicBezTo>
                    <a:pt x="4286" y="19814"/>
                    <a:pt x="4279" y="20463"/>
                    <a:pt x="4259" y="20950"/>
                  </a:cubicBezTo>
                  <a:cubicBezTo>
                    <a:pt x="4239" y="21438"/>
                    <a:pt x="4219" y="21600"/>
                    <a:pt x="4193" y="21600"/>
                  </a:cubicBezTo>
                  <a:cubicBezTo>
                    <a:pt x="4166" y="21600"/>
                    <a:pt x="4146" y="21438"/>
                    <a:pt x="4127" y="20950"/>
                  </a:cubicBezTo>
                  <a:cubicBezTo>
                    <a:pt x="4107" y="20463"/>
                    <a:pt x="4100" y="19976"/>
                    <a:pt x="4100" y="19164"/>
                  </a:cubicBezTo>
                  <a:cubicBezTo>
                    <a:pt x="4100" y="18514"/>
                    <a:pt x="4107" y="17865"/>
                    <a:pt x="4127" y="17540"/>
                  </a:cubicBezTo>
                  <a:cubicBezTo>
                    <a:pt x="4146" y="17053"/>
                    <a:pt x="4166" y="16890"/>
                    <a:pt x="4193" y="16890"/>
                  </a:cubicBezTo>
                  <a:cubicBezTo>
                    <a:pt x="4219" y="16890"/>
                    <a:pt x="4246" y="17053"/>
                    <a:pt x="4259" y="17540"/>
                  </a:cubicBezTo>
                  <a:close/>
                  <a:moveTo>
                    <a:pt x="3670" y="13642"/>
                  </a:moveTo>
                  <a:lnTo>
                    <a:pt x="3623" y="18839"/>
                  </a:lnTo>
                  <a:lnTo>
                    <a:pt x="3617" y="18839"/>
                  </a:lnTo>
                  <a:lnTo>
                    <a:pt x="3564" y="13642"/>
                  </a:lnTo>
                  <a:lnTo>
                    <a:pt x="3411" y="650"/>
                  </a:lnTo>
                  <a:lnTo>
                    <a:pt x="3279" y="650"/>
                  </a:lnTo>
                  <a:lnTo>
                    <a:pt x="3126" y="13642"/>
                  </a:lnTo>
                  <a:lnTo>
                    <a:pt x="3073" y="18839"/>
                  </a:lnTo>
                  <a:lnTo>
                    <a:pt x="3067" y="18839"/>
                  </a:lnTo>
                  <a:lnTo>
                    <a:pt x="3027" y="13642"/>
                  </a:lnTo>
                  <a:lnTo>
                    <a:pt x="2881" y="650"/>
                  </a:lnTo>
                  <a:lnTo>
                    <a:pt x="2749" y="650"/>
                  </a:lnTo>
                  <a:lnTo>
                    <a:pt x="3001" y="21113"/>
                  </a:lnTo>
                  <a:lnTo>
                    <a:pt x="3133" y="21113"/>
                  </a:lnTo>
                  <a:lnTo>
                    <a:pt x="3285" y="8120"/>
                  </a:lnTo>
                  <a:lnTo>
                    <a:pt x="3338" y="2761"/>
                  </a:lnTo>
                  <a:lnTo>
                    <a:pt x="3391" y="8120"/>
                  </a:lnTo>
                  <a:lnTo>
                    <a:pt x="3544" y="21113"/>
                  </a:lnTo>
                  <a:lnTo>
                    <a:pt x="3689" y="21113"/>
                  </a:lnTo>
                  <a:lnTo>
                    <a:pt x="3934" y="650"/>
                  </a:lnTo>
                  <a:lnTo>
                    <a:pt x="3809" y="650"/>
                  </a:lnTo>
                  <a:lnTo>
                    <a:pt x="3670" y="13642"/>
                  </a:lnTo>
                  <a:close/>
                  <a:moveTo>
                    <a:pt x="2292" y="13642"/>
                  </a:moveTo>
                  <a:lnTo>
                    <a:pt x="2245" y="18839"/>
                  </a:lnTo>
                  <a:lnTo>
                    <a:pt x="2239" y="18839"/>
                  </a:lnTo>
                  <a:lnTo>
                    <a:pt x="2192" y="13642"/>
                  </a:lnTo>
                  <a:lnTo>
                    <a:pt x="2040" y="650"/>
                  </a:lnTo>
                  <a:lnTo>
                    <a:pt x="1908" y="650"/>
                  </a:lnTo>
                  <a:lnTo>
                    <a:pt x="1755" y="13642"/>
                  </a:lnTo>
                  <a:lnTo>
                    <a:pt x="1702" y="18839"/>
                  </a:lnTo>
                  <a:lnTo>
                    <a:pt x="1696" y="18839"/>
                  </a:lnTo>
                  <a:lnTo>
                    <a:pt x="1656" y="13642"/>
                  </a:lnTo>
                  <a:lnTo>
                    <a:pt x="1510" y="650"/>
                  </a:lnTo>
                  <a:lnTo>
                    <a:pt x="1378" y="650"/>
                  </a:lnTo>
                  <a:lnTo>
                    <a:pt x="1629" y="21113"/>
                  </a:lnTo>
                  <a:lnTo>
                    <a:pt x="1762" y="21113"/>
                  </a:lnTo>
                  <a:lnTo>
                    <a:pt x="1914" y="8120"/>
                  </a:lnTo>
                  <a:lnTo>
                    <a:pt x="1967" y="2761"/>
                  </a:lnTo>
                  <a:lnTo>
                    <a:pt x="2020" y="8120"/>
                  </a:lnTo>
                  <a:lnTo>
                    <a:pt x="2173" y="21113"/>
                  </a:lnTo>
                  <a:lnTo>
                    <a:pt x="2318" y="21113"/>
                  </a:lnTo>
                  <a:lnTo>
                    <a:pt x="2563" y="650"/>
                  </a:lnTo>
                  <a:lnTo>
                    <a:pt x="2438" y="650"/>
                  </a:lnTo>
                  <a:lnTo>
                    <a:pt x="2292" y="13642"/>
                  </a:lnTo>
                  <a:close/>
                  <a:moveTo>
                    <a:pt x="921" y="13642"/>
                  </a:moveTo>
                  <a:lnTo>
                    <a:pt x="874" y="18839"/>
                  </a:lnTo>
                  <a:lnTo>
                    <a:pt x="868" y="18839"/>
                  </a:lnTo>
                  <a:lnTo>
                    <a:pt x="815" y="13642"/>
                  </a:lnTo>
                  <a:lnTo>
                    <a:pt x="662" y="650"/>
                  </a:lnTo>
                  <a:lnTo>
                    <a:pt x="530" y="650"/>
                  </a:lnTo>
                  <a:lnTo>
                    <a:pt x="378" y="13642"/>
                  </a:lnTo>
                  <a:lnTo>
                    <a:pt x="325" y="18839"/>
                  </a:lnTo>
                  <a:lnTo>
                    <a:pt x="318" y="18839"/>
                  </a:lnTo>
                  <a:lnTo>
                    <a:pt x="278" y="13642"/>
                  </a:lnTo>
                  <a:lnTo>
                    <a:pt x="132" y="650"/>
                  </a:lnTo>
                  <a:lnTo>
                    <a:pt x="0" y="650"/>
                  </a:lnTo>
                  <a:lnTo>
                    <a:pt x="252" y="21113"/>
                  </a:lnTo>
                  <a:lnTo>
                    <a:pt x="384" y="21113"/>
                  </a:lnTo>
                  <a:lnTo>
                    <a:pt x="537" y="8120"/>
                  </a:lnTo>
                  <a:lnTo>
                    <a:pt x="590" y="2761"/>
                  </a:lnTo>
                  <a:lnTo>
                    <a:pt x="643" y="8120"/>
                  </a:lnTo>
                  <a:lnTo>
                    <a:pt x="795" y="21113"/>
                  </a:lnTo>
                  <a:lnTo>
                    <a:pt x="941" y="21113"/>
                  </a:lnTo>
                  <a:lnTo>
                    <a:pt x="1186" y="650"/>
                  </a:lnTo>
                  <a:lnTo>
                    <a:pt x="1060" y="650"/>
                  </a:lnTo>
                  <a:lnTo>
                    <a:pt x="921" y="13642"/>
                  </a:lnTo>
                  <a:close/>
                  <a:moveTo>
                    <a:pt x="18911" y="19001"/>
                  </a:moveTo>
                  <a:cubicBezTo>
                    <a:pt x="18884" y="19164"/>
                    <a:pt x="18845" y="19326"/>
                    <a:pt x="18811" y="19326"/>
                  </a:cubicBezTo>
                  <a:cubicBezTo>
                    <a:pt x="18772" y="19326"/>
                    <a:pt x="18739" y="19164"/>
                    <a:pt x="18699" y="18839"/>
                  </a:cubicBezTo>
                  <a:cubicBezTo>
                    <a:pt x="18659" y="18514"/>
                    <a:pt x="18633" y="18027"/>
                    <a:pt x="18599" y="17377"/>
                  </a:cubicBezTo>
                  <a:cubicBezTo>
                    <a:pt x="18566" y="16728"/>
                    <a:pt x="18546" y="15916"/>
                    <a:pt x="18533" y="14779"/>
                  </a:cubicBezTo>
                  <a:cubicBezTo>
                    <a:pt x="18513" y="13642"/>
                    <a:pt x="18507" y="12343"/>
                    <a:pt x="18507" y="10719"/>
                  </a:cubicBezTo>
                  <a:cubicBezTo>
                    <a:pt x="18507" y="8120"/>
                    <a:pt x="18533" y="6171"/>
                    <a:pt x="18593" y="4710"/>
                  </a:cubicBezTo>
                  <a:cubicBezTo>
                    <a:pt x="18652" y="3248"/>
                    <a:pt x="18725" y="2599"/>
                    <a:pt x="18818" y="2599"/>
                  </a:cubicBezTo>
                  <a:cubicBezTo>
                    <a:pt x="18851" y="2599"/>
                    <a:pt x="18878" y="2599"/>
                    <a:pt x="18911" y="2761"/>
                  </a:cubicBezTo>
                  <a:cubicBezTo>
                    <a:pt x="18937" y="2923"/>
                    <a:pt x="18970" y="3248"/>
                    <a:pt x="19003" y="3573"/>
                  </a:cubicBezTo>
                  <a:lnTo>
                    <a:pt x="19030" y="1137"/>
                  </a:lnTo>
                  <a:cubicBezTo>
                    <a:pt x="18990" y="650"/>
                    <a:pt x="18951" y="325"/>
                    <a:pt x="18911" y="162"/>
                  </a:cubicBezTo>
                  <a:cubicBezTo>
                    <a:pt x="18878" y="0"/>
                    <a:pt x="18838" y="0"/>
                    <a:pt x="18805" y="0"/>
                  </a:cubicBezTo>
                  <a:cubicBezTo>
                    <a:pt x="18745" y="0"/>
                    <a:pt x="18686" y="162"/>
                    <a:pt x="18633" y="650"/>
                  </a:cubicBezTo>
                  <a:cubicBezTo>
                    <a:pt x="18580" y="1137"/>
                    <a:pt x="18540" y="1786"/>
                    <a:pt x="18500" y="2761"/>
                  </a:cubicBezTo>
                  <a:cubicBezTo>
                    <a:pt x="18460" y="3735"/>
                    <a:pt x="18434" y="4872"/>
                    <a:pt x="18414" y="6171"/>
                  </a:cubicBezTo>
                  <a:cubicBezTo>
                    <a:pt x="18394" y="7471"/>
                    <a:pt x="18381" y="8932"/>
                    <a:pt x="18381" y="10556"/>
                  </a:cubicBezTo>
                  <a:cubicBezTo>
                    <a:pt x="18381" y="12343"/>
                    <a:pt x="18394" y="13805"/>
                    <a:pt x="18414" y="15266"/>
                  </a:cubicBezTo>
                  <a:cubicBezTo>
                    <a:pt x="18434" y="16565"/>
                    <a:pt x="18467" y="17702"/>
                    <a:pt x="18507" y="18514"/>
                  </a:cubicBezTo>
                  <a:cubicBezTo>
                    <a:pt x="18546" y="19326"/>
                    <a:pt x="18593" y="20138"/>
                    <a:pt x="18639" y="20463"/>
                  </a:cubicBezTo>
                  <a:cubicBezTo>
                    <a:pt x="18692" y="20950"/>
                    <a:pt x="18745" y="21113"/>
                    <a:pt x="18805" y="21113"/>
                  </a:cubicBezTo>
                  <a:cubicBezTo>
                    <a:pt x="18891" y="21113"/>
                    <a:pt x="18964" y="20788"/>
                    <a:pt x="19030" y="19976"/>
                  </a:cubicBezTo>
                  <a:lnTo>
                    <a:pt x="19003" y="17702"/>
                  </a:lnTo>
                  <a:cubicBezTo>
                    <a:pt x="18964" y="18514"/>
                    <a:pt x="18937" y="18677"/>
                    <a:pt x="18911" y="19001"/>
                  </a:cubicBezTo>
                  <a:close/>
                  <a:moveTo>
                    <a:pt x="21534" y="2111"/>
                  </a:moveTo>
                  <a:cubicBezTo>
                    <a:pt x="21487" y="974"/>
                    <a:pt x="21428" y="325"/>
                    <a:pt x="21342" y="325"/>
                  </a:cubicBezTo>
                  <a:cubicBezTo>
                    <a:pt x="21282" y="325"/>
                    <a:pt x="21229" y="650"/>
                    <a:pt x="21176" y="1137"/>
                  </a:cubicBezTo>
                  <a:cubicBezTo>
                    <a:pt x="21123" y="1786"/>
                    <a:pt x="21083" y="2598"/>
                    <a:pt x="21037" y="3573"/>
                  </a:cubicBezTo>
                  <a:cubicBezTo>
                    <a:pt x="21017" y="2598"/>
                    <a:pt x="20991" y="1624"/>
                    <a:pt x="20951" y="1137"/>
                  </a:cubicBezTo>
                  <a:cubicBezTo>
                    <a:pt x="20911" y="487"/>
                    <a:pt x="20865" y="162"/>
                    <a:pt x="20805" y="162"/>
                  </a:cubicBezTo>
                  <a:cubicBezTo>
                    <a:pt x="20739" y="162"/>
                    <a:pt x="20686" y="487"/>
                    <a:pt x="20646" y="974"/>
                  </a:cubicBezTo>
                  <a:cubicBezTo>
                    <a:pt x="20606" y="1462"/>
                    <a:pt x="20560" y="2274"/>
                    <a:pt x="20520" y="3248"/>
                  </a:cubicBezTo>
                  <a:lnTo>
                    <a:pt x="20500" y="487"/>
                  </a:lnTo>
                  <a:lnTo>
                    <a:pt x="20408" y="487"/>
                  </a:lnTo>
                  <a:lnTo>
                    <a:pt x="20408" y="20950"/>
                  </a:lnTo>
                  <a:lnTo>
                    <a:pt x="20534" y="20950"/>
                  </a:lnTo>
                  <a:lnTo>
                    <a:pt x="20534" y="5684"/>
                  </a:lnTo>
                  <a:cubicBezTo>
                    <a:pt x="20567" y="4710"/>
                    <a:pt x="20606" y="4060"/>
                    <a:pt x="20646" y="3573"/>
                  </a:cubicBezTo>
                  <a:cubicBezTo>
                    <a:pt x="20686" y="3086"/>
                    <a:pt x="20726" y="2761"/>
                    <a:pt x="20765" y="2761"/>
                  </a:cubicBezTo>
                  <a:cubicBezTo>
                    <a:pt x="20832" y="2761"/>
                    <a:pt x="20878" y="3248"/>
                    <a:pt x="20905" y="4060"/>
                  </a:cubicBezTo>
                  <a:cubicBezTo>
                    <a:pt x="20931" y="4872"/>
                    <a:pt x="20944" y="6009"/>
                    <a:pt x="20944" y="7633"/>
                  </a:cubicBezTo>
                  <a:lnTo>
                    <a:pt x="20944" y="21113"/>
                  </a:lnTo>
                  <a:lnTo>
                    <a:pt x="21070" y="21113"/>
                  </a:lnTo>
                  <a:lnTo>
                    <a:pt x="21070" y="6983"/>
                  </a:lnTo>
                  <a:cubicBezTo>
                    <a:pt x="21070" y="6821"/>
                    <a:pt x="21070" y="6496"/>
                    <a:pt x="21070" y="6334"/>
                  </a:cubicBezTo>
                  <a:cubicBezTo>
                    <a:pt x="21070" y="6171"/>
                    <a:pt x="21070" y="5847"/>
                    <a:pt x="21070" y="5684"/>
                  </a:cubicBezTo>
                  <a:cubicBezTo>
                    <a:pt x="21103" y="4710"/>
                    <a:pt x="21136" y="4060"/>
                    <a:pt x="21176" y="3573"/>
                  </a:cubicBezTo>
                  <a:cubicBezTo>
                    <a:pt x="21216" y="3086"/>
                    <a:pt x="21256" y="2761"/>
                    <a:pt x="21295" y="2761"/>
                  </a:cubicBezTo>
                  <a:cubicBezTo>
                    <a:pt x="21362" y="2761"/>
                    <a:pt x="21408" y="3248"/>
                    <a:pt x="21434" y="4060"/>
                  </a:cubicBezTo>
                  <a:cubicBezTo>
                    <a:pt x="21461" y="4872"/>
                    <a:pt x="21474" y="6009"/>
                    <a:pt x="21474" y="7633"/>
                  </a:cubicBezTo>
                  <a:lnTo>
                    <a:pt x="21474" y="21113"/>
                  </a:lnTo>
                  <a:lnTo>
                    <a:pt x="21600" y="21113"/>
                  </a:lnTo>
                  <a:lnTo>
                    <a:pt x="21600" y="6983"/>
                  </a:lnTo>
                  <a:cubicBezTo>
                    <a:pt x="21600" y="4872"/>
                    <a:pt x="21580" y="3248"/>
                    <a:pt x="21534" y="2111"/>
                  </a:cubicBezTo>
                  <a:close/>
                  <a:moveTo>
                    <a:pt x="17997" y="16890"/>
                  </a:moveTo>
                  <a:cubicBezTo>
                    <a:pt x="17970" y="16890"/>
                    <a:pt x="17950" y="17053"/>
                    <a:pt x="17930" y="17540"/>
                  </a:cubicBezTo>
                  <a:cubicBezTo>
                    <a:pt x="17911" y="18027"/>
                    <a:pt x="17904" y="18514"/>
                    <a:pt x="17904" y="19164"/>
                  </a:cubicBezTo>
                  <a:cubicBezTo>
                    <a:pt x="17904" y="19814"/>
                    <a:pt x="17911" y="20463"/>
                    <a:pt x="17930" y="20950"/>
                  </a:cubicBezTo>
                  <a:cubicBezTo>
                    <a:pt x="17950" y="21438"/>
                    <a:pt x="17970" y="21600"/>
                    <a:pt x="17997" y="21600"/>
                  </a:cubicBezTo>
                  <a:cubicBezTo>
                    <a:pt x="18023" y="21600"/>
                    <a:pt x="18043" y="21438"/>
                    <a:pt x="18063" y="20950"/>
                  </a:cubicBezTo>
                  <a:cubicBezTo>
                    <a:pt x="18083" y="20463"/>
                    <a:pt x="18089" y="19976"/>
                    <a:pt x="18089" y="19164"/>
                  </a:cubicBezTo>
                  <a:cubicBezTo>
                    <a:pt x="18089" y="18514"/>
                    <a:pt x="18083" y="17865"/>
                    <a:pt x="18063" y="17540"/>
                  </a:cubicBezTo>
                  <a:cubicBezTo>
                    <a:pt x="18043" y="17053"/>
                    <a:pt x="18023" y="16890"/>
                    <a:pt x="17997" y="16890"/>
                  </a:cubicBezTo>
                  <a:close/>
                  <a:moveTo>
                    <a:pt x="20017" y="6171"/>
                  </a:moveTo>
                  <a:cubicBezTo>
                    <a:pt x="20037" y="7471"/>
                    <a:pt x="20043" y="8932"/>
                    <a:pt x="20043" y="10556"/>
                  </a:cubicBezTo>
                  <a:cubicBezTo>
                    <a:pt x="20043" y="12343"/>
                    <a:pt x="20030" y="13805"/>
                    <a:pt x="20010" y="15104"/>
                  </a:cubicBezTo>
                  <a:cubicBezTo>
                    <a:pt x="19990" y="16403"/>
                    <a:pt x="19964" y="17540"/>
                    <a:pt x="19924" y="18514"/>
                  </a:cubicBezTo>
                  <a:cubicBezTo>
                    <a:pt x="19891" y="19489"/>
                    <a:pt x="19845" y="20138"/>
                    <a:pt x="19798" y="20626"/>
                  </a:cubicBezTo>
                  <a:cubicBezTo>
                    <a:pt x="19752" y="21113"/>
                    <a:pt x="19699" y="21275"/>
                    <a:pt x="19646" y="21275"/>
                  </a:cubicBezTo>
                  <a:cubicBezTo>
                    <a:pt x="19593" y="21275"/>
                    <a:pt x="19540" y="21113"/>
                    <a:pt x="19494" y="20626"/>
                  </a:cubicBezTo>
                  <a:cubicBezTo>
                    <a:pt x="19447" y="20138"/>
                    <a:pt x="19408" y="19489"/>
                    <a:pt x="19368" y="18677"/>
                  </a:cubicBezTo>
                  <a:cubicBezTo>
                    <a:pt x="19335" y="17865"/>
                    <a:pt x="19308" y="16728"/>
                    <a:pt x="19288" y="15429"/>
                  </a:cubicBezTo>
                  <a:cubicBezTo>
                    <a:pt x="19268" y="14129"/>
                    <a:pt x="19255" y="12668"/>
                    <a:pt x="19255" y="10881"/>
                  </a:cubicBezTo>
                  <a:cubicBezTo>
                    <a:pt x="19255" y="9095"/>
                    <a:pt x="19268" y="7633"/>
                    <a:pt x="19288" y="6334"/>
                  </a:cubicBezTo>
                  <a:cubicBezTo>
                    <a:pt x="19308" y="5035"/>
                    <a:pt x="19335" y="3898"/>
                    <a:pt x="19374" y="2923"/>
                  </a:cubicBezTo>
                  <a:cubicBezTo>
                    <a:pt x="19408" y="1949"/>
                    <a:pt x="19454" y="1299"/>
                    <a:pt x="19500" y="812"/>
                  </a:cubicBezTo>
                  <a:cubicBezTo>
                    <a:pt x="19547" y="325"/>
                    <a:pt x="19600" y="162"/>
                    <a:pt x="19659" y="162"/>
                  </a:cubicBezTo>
                  <a:cubicBezTo>
                    <a:pt x="19712" y="162"/>
                    <a:pt x="19765" y="325"/>
                    <a:pt x="19812" y="812"/>
                  </a:cubicBezTo>
                  <a:cubicBezTo>
                    <a:pt x="19858" y="1299"/>
                    <a:pt x="19898" y="1949"/>
                    <a:pt x="19937" y="2761"/>
                  </a:cubicBezTo>
                  <a:cubicBezTo>
                    <a:pt x="19971" y="3898"/>
                    <a:pt x="20004" y="4872"/>
                    <a:pt x="20017" y="6171"/>
                  </a:cubicBezTo>
                  <a:close/>
                  <a:moveTo>
                    <a:pt x="19918" y="10881"/>
                  </a:moveTo>
                  <a:cubicBezTo>
                    <a:pt x="19918" y="9420"/>
                    <a:pt x="19911" y="8283"/>
                    <a:pt x="19898" y="7146"/>
                  </a:cubicBezTo>
                  <a:cubicBezTo>
                    <a:pt x="19884" y="6171"/>
                    <a:pt x="19865" y="5197"/>
                    <a:pt x="19838" y="4547"/>
                  </a:cubicBezTo>
                  <a:cubicBezTo>
                    <a:pt x="19812" y="3898"/>
                    <a:pt x="19785" y="3410"/>
                    <a:pt x="19752" y="3086"/>
                  </a:cubicBezTo>
                  <a:cubicBezTo>
                    <a:pt x="19719" y="2761"/>
                    <a:pt x="19686" y="2599"/>
                    <a:pt x="19653" y="2599"/>
                  </a:cubicBezTo>
                  <a:cubicBezTo>
                    <a:pt x="19620" y="2599"/>
                    <a:pt x="19586" y="2761"/>
                    <a:pt x="19553" y="3086"/>
                  </a:cubicBezTo>
                  <a:cubicBezTo>
                    <a:pt x="19520" y="3411"/>
                    <a:pt x="19494" y="3898"/>
                    <a:pt x="19467" y="4547"/>
                  </a:cubicBezTo>
                  <a:cubicBezTo>
                    <a:pt x="19441" y="5197"/>
                    <a:pt x="19421" y="6009"/>
                    <a:pt x="19408" y="6983"/>
                  </a:cubicBezTo>
                  <a:cubicBezTo>
                    <a:pt x="19394" y="7958"/>
                    <a:pt x="19388" y="9257"/>
                    <a:pt x="19388" y="10719"/>
                  </a:cubicBezTo>
                  <a:cubicBezTo>
                    <a:pt x="19388" y="12180"/>
                    <a:pt x="19394" y="13480"/>
                    <a:pt x="19408" y="14454"/>
                  </a:cubicBezTo>
                  <a:cubicBezTo>
                    <a:pt x="19421" y="15429"/>
                    <a:pt x="19441" y="16403"/>
                    <a:pt x="19467" y="17053"/>
                  </a:cubicBezTo>
                  <a:cubicBezTo>
                    <a:pt x="19494" y="17702"/>
                    <a:pt x="19520" y="18189"/>
                    <a:pt x="19553" y="18514"/>
                  </a:cubicBezTo>
                  <a:cubicBezTo>
                    <a:pt x="19586" y="18839"/>
                    <a:pt x="19620" y="19001"/>
                    <a:pt x="19653" y="19001"/>
                  </a:cubicBezTo>
                  <a:cubicBezTo>
                    <a:pt x="19686" y="19001"/>
                    <a:pt x="19719" y="18839"/>
                    <a:pt x="19752" y="18514"/>
                  </a:cubicBezTo>
                  <a:cubicBezTo>
                    <a:pt x="19785" y="18189"/>
                    <a:pt x="19812" y="17702"/>
                    <a:pt x="19838" y="17053"/>
                  </a:cubicBezTo>
                  <a:cubicBezTo>
                    <a:pt x="19865" y="16403"/>
                    <a:pt x="19884" y="15591"/>
                    <a:pt x="19898" y="14454"/>
                  </a:cubicBezTo>
                  <a:cubicBezTo>
                    <a:pt x="19911" y="13805"/>
                    <a:pt x="19918" y="12505"/>
                    <a:pt x="19918" y="10881"/>
                  </a:cubicBezTo>
                  <a:close/>
                </a:path>
              </a:pathLst>
            </a:custGeom>
            <a:solidFill>
              <a:srgbClr val="D3D3D3"/>
            </a:solidFill>
            <a:ln w="12700">
              <a:miter lim="400000"/>
            </a:ln>
          </p:spPr>
          <p:txBody>
            <a:bodyPr lIns="38100" tIns="38100" rIns="38100" bIns="3810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>
                  <a:solidFill>
                    <a:srgbClr val="FFFFFF"/>
                  </a:solidFill>
                </a:defRPr>
              </a:pPr>
              <a:endParaRPr kumimoji="0" sz="30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7014069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bg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bg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bg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bg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bg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3" tooltip="PresentationGo!"/>
              </a:rPr>
              <a:t>presentationgo.com</a:t>
            </a:r>
            <a:endParaRPr lang="en-US" sz="1100" dirty="0"/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3730547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tx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323A45"/>
            </a:gs>
            <a:gs pos="35000">
              <a:srgbClr val="323A45"/>
            </a:gs>
            <a:gs pos="100000">
              <a:srgbClr val="1C2026"/>
            </a:gs>
          </a:gsLst>
          <a:path path="circle">
            <a:fillToRect l="50000" t="-80000" r="50000" b="18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>
              <a:alpha val="20000"/>
            </a:schemeClr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  <p:sp>
        <p:nvSpPr>
          <p:cNvPr id="18" name="Rectangle 17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4" tooltip="PresentationGo!"/>
              </a:rPr>
              <a:t>presentationgo.com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42629464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7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bg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3" tooltip="PresentationGo!"/>
              </a:rPr>
              <a:t>presentationgo.com</a:t>
            </a:r>
            <a:endParaRPr lang="en-US" sz="1100" dirty="0"/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5436682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9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tx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323A45"/>
            </a:gs>
            <a:gs pos="35000">
              <a:srgbClr val="323A45"/>
            </a:gs>
            <a:gs pos="100000">
              <a:srgbClr val="1C2026"/>
            </a:gs>
          </a:gsLst>
          <a:path path="circle">
            <a:fillToRect l="50000" t="-80000" r="50000" b="18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>
              <a:alpha val="20000"/>
            </a:schemeClr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  <p:sp>
        <p:nvSpPr>
          <p:cNvPr id="18" name="Rectangle 17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4" tooltip="PresentationGo!"/>
              </a:rPr>
              <a:t>presentationgo.com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23318551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bg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3" tooltip="PresentationGo!"/>
              </a:rPr>
              <a:t>presentationgo.com</a:t>
            </a:r>
            <a:endParaRPr lang="en-US" sz="1100" dirty="0"/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322363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tx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323A45"/>
            </a:gs>
            <a:gs pos="35000">
              <a:srgbClr val="323A45"/>
            </a:gs>
            <a:gs pos="100000">
              <a:srgbClr val="1C2026"/>
            </a:gs>
          </a:gsLst>
          <a:path path="circle">
            <a:fillToRect l="50000" t="-80000" r="50000" b="18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>
              <a:alpha val="20000"/>
            </a:schemeClr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  <p:sp>
        <p:nvSpPr>
          <p:cNvPr id="18" name="Rectangle 17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4" tooltip="PresentationGo!"/>
              </a:rPr>
              <a:t>presentationgo.com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19805658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bg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sv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12" Type="http://schemas.openxmlformats.org/officeDocument/2006/relationships/image" Target="../media/image12.sv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svg"/><Relationship Id="rId11" Type="http://schemas.openxmlformats.org/officeDocument/2006/relationships/image" Target="../media/image11.png"/><Relationship Id="rId5" Type="http://schemas.openxmlformats.org/officeDocument/2006/relationships/image" Target="../media/image5.png"/><Relationship Id="rId10" Type="http://schemas.openxmlformats.org/officeDocument/2006/relationships/image" Target="../media/image10.svg"/><Relationship Id="rId4" Type="http://schemas.openxmlformats.org/officeDocument/2006/relationships/image" Target="../media/image4.svg"/><Relationship Id="rId9" Type="http://schemas.openxmlformats.org/officeDocument/2006/relationships/image" Target="../media/image9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10" Type="http://schemas.openxmlformats.org/officeDocument/2006/relationships/notesSlide" Target="../notesSlides/notesSlide3.xml"/><Relationship Id="rId4" Type="http://schemas.openxmlformats.org/officeDocument/2006/relationships/tags" Target="../tags/tag4.xml"/><Relationship Id="rId9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svg"/><Relationship Id="rId13" Type="http://schemas.openxmlformats.org/officeDocument/2006/relationships/image" Target="../media/image23.png"/><Relationship Id="rId18" Type="http://schemas.openxmlformats.org/officeDocument/2006/relationships/image" Target="../media/image28.svg"/><Relationship Id="rId3" Type="http://schemas.openxmlformats.org/officeDocument/2006/relationships/image" Target="../media/image13.png"/><Relationship Id="rId21" Type="http://schemas.openxmlformats.org/officeDocument/2006/relationships/image" Target="../media/image31.png"/><Relationship Id="rId7" Type="http://schemas.openxmlformats.org/officeDocument/2006/relationships/image" Target="../media/image17.png"/><Relationship Id="rId12" Type="http://schemas.openxmlformats.org/officeDocument/2006/relationships/image" Target="../media/image22.svg"/><Relationship Id="rId17" Type="http://schemas.openxmlformats.org/officeDocument/2006/relationships/image" Target="../media/image27.png"/><Relationship Id="rId2" Type="http://schemas.openxmlformats.org/officeDocument/2006/relationships/notesSlide" Target="../notesSlides/notesSlide4.xml"/><Relationship Id="rId16" Type="http://schemas.openxmlformats.org/officeDocument/2006/relationships/image" Target="../media/image26.svg"/><Relationship Id="rId20" Type="http://schemas.openxmlformats.org/officeDocument/2006/relationships/image" Target="../media/image30.sv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6.sv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5" Type="http://schemas.openxmlformats.org/officeDocument/2006/relationships/image" Target="../media/image25.png"/><Relationship Id="rId10" Type="http://schemas.openxmlformats.org/officeDocument/2006/relationships/image" Target="../media/image20.svg"/><Relationship Id="rId19" Type="http://schemas.openxmlformats.org/officeDocument/2006/relationships/image" Target="../media/image29.png"/><Relationship Id="rId4" Type="http://schemas.openxmlformats.org/officeDocument/2006/relationships/image" Target="../media/image14.svg"/><Relationship Id="rId9" Type="http://schemas.openxmlformats.org/officeDocument/2006/relationships/image" Target="../media/image19.png"/><Relationship Id="rId14" Type="http://schemas.openxmlformats.org/officeDocument/2006/relationships/image" Target="../media/image24.svg"/><Relationship Id="rId22" Type="http://schemas.openxmlformats.org/officeDocument/2006/relationships/image" Target="../media/image32.sv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sv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12" Type="http://schemas.openxmlformats.org/officeDocument/2006/relationships/image" Target="../media/image12.sv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4.svg"/><Relationship Id="rId11" Type="http://schemas.openxmlformats.org/officeDocument/2006/relationships/image" Target="../media/image11.png"/><Relationship Id="rId5" Type="http://schemas.openxmlformats.org/officeDocument/2006/relationships/image" Target="../media/image33.png"/><Relationship Id="rId10" Type="http://schemas.openxmlformats.org/officeDocument/2006/relationships/image" Target="../media/image10.svg"/><Relationship Id="rId4" Type="http://schemas.openxmlformats.org/officeDocument/2006/relationships/image" Target="../media/image4.svg"/><Relationship Id="rId9" Type="http://schemas.openxmlformats.org/officeDocument/2006/relationships/image" Target="../media/image9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16.xml"/><Relationship Id="rId3" Type="http://schemas.openxmlformats.org/officeDocument/2006/relationships/tags" Target="../tags/tag11.xml"/><Relationship Id="rId7" Type="http://schemas.openxmlformats.org/officeDocument/2006/relationships/tags" Target="../tags/tag15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6" Type="http://schemas.openxmlformats.org/officeDocument/2006/relationships/tags" Target="../tags/tag14.xml"/><Relationship Id="rId5" Type="http://schemas.openxmlformats.org/officeDocument/2006/relationships/tags" Target="../tags/tag13.xml"/><Relationship Id="rId10" Type="http://schemas.openxmlformats.org/officeDocument/2006/relationships/notesSlide" Target="../notesSlides/notesSlide8.xml"/><Relationship Id="rId4" Type="http://schemas.openxmlformats.org/officeDocument/2006/relationships/tags" Target="../tags/tag12.xml"/><Relationship Id="rId9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image" Target="../media/image45.png"/><Relationship Id="rId18" Type="http://schemas.openxmlformats.org/officeDocument/2006/relationships/image" Target="../media/image28.svg"/><Relationship Id="rId26" Type="http://schemas.openxmlformats.org/officeDocument/2006/relationships/image" Target="../media/image30.svg"/><Relationship Id="rId3" Type="http://schemas.openxmlformats.org/officeDocument/2006/relationships/image" Target="../media/image35.png"/><Relationship Id="rId21" Type="http://schemas.openxmlformats.org/officeDocument/2006/relationships/image" Target="../media/image13.png"/><Relationship Id="rId34" Type="http://schemas.openxmlformats.org/officeDocument/2006/relationships/image" Target="../media/image20.svg"/><Relationship Id="rId7" Type="http://schemas.openxmlformats.org/officeDocument/2006/relationships/image" Target="../media/image39.png"/><Relationship Id="rId12" Type="http://schemas.openxmlformats.org/officeDocument/2006/relationships/image" Target="../media/image44.svg"/><Relationship Id="rId17" Type="http://schemas.openxmlformats.org/officeDocument/2006/relationships/image" Target="../media/image27.png"/><Relationship Id="rId25" Type="http://schemas.openxmlformats.org/officeDocument/2006/relationships/image" Target="../media/image29.png"/><Relationship Id="rId33" Type="http://schemas.openxmlformats.org/officeDocument/2006/relationships/image" Target="../media/image19.png"/><Relationship Id="rId2" Type="http://schemas.openxmlformats.org/officeDocument/2006/relationships/notesSlide" Target="../notesSlides/notesSlide9.xml"/><Relationship Id="rId16" Type="http://schemas.openxmlformats.org/officeDocument/2006/relationships/image" Target="../media/image26.svg"/><Relationship Id="rId20" Type="http://schemas.openxmlformats.org/officeDocument/2006/relationships/image" Target="../media/image24.svg"/><Relationship Id="rId29" Type="http://schemas.openxmlformats.org/officeDocument/2006/relationships/image" Target="../media/image17.pn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38.svg"/><Relationship Id="rId11" Type="http://schemas.openxmlformats.org/officeDocument/2006/relationships/image" Target="../media/image43.png"/><Relationship Id="rId24" Type="http://schemas.openxmlformats.org/officeDocument/2006/relationships/image" Target="../media/image16.svg"/><Relationship Id="rId32" Type="http://schemas.openxmlformats.org/officeDocument/2006/relationships/image" Target="../media/image22.svg"/><Relationship Id="rId5" Type="http://schemas.openxmlformats.org/officeDocument/2006/relationships/image" Target="../media/image37.png"/><Relationship Id="rId15" Type="http://schemas.openxmlformats.org/officeDocument/2006/relationships/image" Target="../media/image25.png"/><Relationship Id="rId23" Type="http://schemas.openxmlformats.org/officeDocument/2006/relationships/image" Target="../media/image15.png"/><Relationship Id="rId28" Type="http://schemas.openxmlformats.org/officeDocument/2006/relationships/image" Target="../media/image32.svg"/><Relationship Id="rId10" Type="http://schemas.openxmlformats.org/officeDocument/2006/relationships/image" Target="../media/image42.svg"/><Relationship Id="rId19" Type="http://schemas.openxmlformats.org/officeDocument/2006/relationships/image" Target="../media/image23.png"/><Relationship Id="rId31" Type="http://schemas.openxmlformats.org/officeDocument/2006/relationships/image" Target="../media/image21.png"/><Relationship Id="rId4" Type="http://schemas.openxmlformats.org/officeDocument/2006/relationships/image" Target="../media/image36.svg"/><Relationship Id="rId9" Type="http://schemas.openxmlformats.org/officeDocument/2006/relationships/image" Target="../media/image41.png"/><Relationship Id="rId14" Type="http://schemas.openxmlformats.org/officeDocument/2006/relationships/image" Target="../media/image46.svg"/><Relationship Id="rId22" Type="http://schemas.openxmlformats.org/officeDocument/2006/relationships/image" Target="../media/image14.svg"/><Relationship Id="rId27" Type="http://schemas.openxmlformats.org/officeDocument/2006/relationships/image" Target="../media/image31.png"/><Relationship Id="rId30" Type="http://schemas.openxmlformats.org/officeDocument/2006/relationships/image" Target="../media/image18.svg"/><Relationship Id="rId8" Type="http://schemas.openxmlformats.org/officeDocument/2006/relationships/image" Target="../media/image40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E5D95-B1A7-A10B-5EB5-A26C5A0AF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inimalist Gantt Chart – Slide Templat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62D8C3E-D5A8-0859-49D9-1A751E066CF7}"/>
              </a:ext>
            </a:extLst>
          </p:cNvPr>
          <p:cNvSpPr/>
          <p:nvPr/>
        </p:nvSpPr>
        <p:spPr>
          <a:xfrm>
            <a:off x="3464669" y="1787293"/>
            <a:ext cx="7276289" cy="624958"/>
          </a:xfrm>
          <a:prstGeom prst="rect">
            <a:avLst/>
          </a:prstGeom>
          <a:solidFill>
            <a:schemeClr val="bg2">
              <a:lumMod val="90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393CD414-D034-97F2-2EA5-782BC8BCCA7A}"/>
              </a:ext>
            </a:extLst>
          </p:cNvPr>
          <p:cNvSpPr/>
          <p:nvPr/>
        </p:nvSpPr>
        <p:spPr>
          <a:xfrm>
            <a:off x="3464669" y="2674632"/>
            <a:ext cx="7276289" cy="624958"/>
          </a:xfrm>
          <a:prstGeom prst="rect">
            <a:avLst/>
          </a:prstGeom>
          <a:solidFill>
            <a:schemeClr val="bg2">
              <a:lumMod val="90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E8FFFF7-C99E-0689-F55F-BA2AA3BE5A09}"/>
              </a:ext>
            </a:extLst>
          </p:cNvPr>
          <p:cNvSpPr/>
          <p:nvPr/>
        </p:nvSpPr>
        <p:spPr>
          <a:xfrm>
            <a:off x="3464669" y="3561971"/>
            <a:ext cx="7276289" cy="624958"/>
          </a:xfrm>
          <a:prstGeom prst="rect">
            <a:avLst/>
          </a:prstGeom>
          <a:solidFill>
            <a:schemeClr val="bg2">
              <a:lumMod val="90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81A426B-4A0B-0350-A0E5-D220809F817F}"/>
              </a:ext>
            </a:extLst>
          </p:cNvPr>
          <p:cNvSpPr/>
          <p:nvPr/>
        </p:nvSpPr>
        <p:spPr>
          <a:xfrm>
            <a:off x="3464669" y="4449310"/>
            <a:ext cx="7276289" cy="624958"/>
          </a:xfrm>
          <a:prstGeom prst="rect">
            <a:avLst/>
          </a:prstGeom>
          <a:solidFill>
            <a:schemeClr val="bg2">
              <a:lumMod val="90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39C196B-2910-6D39-A2A6-B45AD6900741}"/>
              </a:ext>
            </a:extLst>
          </p:cNvPr>
          <p:cNvSpPr/>
          <p:nvPr/>
        </p:nvSpPr>
        <p:spPr>
          <a:xfrm>
            <a:off x="3464669" y="5336651"/>
            <a:ext cx="7276289" cy="624958"/>
          </a:xfrm>
          <a:prstGeom prst="rect">
            <a:avLst/>
          </a:prstGeom>
          <a:solidFill>
            <a:schemeClr val="bg2">
              <a:lumMod val="90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2DDD2D1-11A7-D60F-F8AD-F9F136F10BB2}"/>
              </a:ext>
            </a:extLst>
          </p:cNvPr>
          <p:cNvSpPr txBox="1"/>
          <p:nvPr/>
        </p:nvSpPr>
        <p:spPr>
          <a:xfrm>
            <a:off x="576290" y="1915106"/>
            <a:ext cx="2762166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ject Kickoff Meeting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3C2E636-EBD0-ABCD-4DD3-C63EC800342A}"/>
              </a:ext>
            </a:extLst>
          </p:cNvPr>
          <p:cNvSpPr txBox="1"/>
          <p:nvPr/>
        </p:nvSpPr>
        <p:spPr>
          <a:xfrm>
            <a:off x="591357" y="2802445"/>
            <a:ext cx="2747099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quirement Gathering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893043-473D-0164-F785-B570ABC4C4B9}"/>
              </a:ext>
            </a:extLst>
          </p:cNvPr>
          <p:cNvSpPr txBox="1"/>
          <p:nvPr/>
        </p:nvSpPr>
        <p:spPr>
          <a:xfrm>
            <a:off x="1775849" y="3689784"/>
            <a:ext cx="1562607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sign Phase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B8762D9-6EAF-DA4D-1561-2CEAB69B1E3C}"/>
              </a:ext>
            </a:extLst>
          </p:cNvPr>
          <p:cNvSpPr txBox="1"/>
          <p:nvPr/>
        </p:nvSpPr>
        <p:spPr>
          <a:xfrm>
            <a:off x="764481" y="4577123"/>
            <a:ext cx="2573974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mplementation Phas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B9DBE96A-32F8-36EC-98FF-CD70A17DFDD8}"/>
              </a:ext>
            </a:extLst>
          </p:cNvPr>
          <p:cNvSpPr txBox="1"/>
          <p:nvPr/>
        </p:nvSpPr>
        <p:spPr>
          <a:xfrm>
            <a:off x="764481" y="5325965"/>
            <a:ext cx="2573974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sting and Quality Assurance</a:t>
            </a: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27C31ACE-2EFE-C280-0799-1FBF6F6B2990}"/>
              </a:ext>
            </a:extLst>
          </p:cNvPr>
          <p:cNvCxnSpPr>
            <a:cxnSpLocks/>
            <a:stCxn id="19" idx="2"/>
          </p:cNvCxnSpPr>
          <p:nvPr/>
        </p:nvCxnSpPr>
        <p:spPr>
          <a:xfrm>
            <a:off x="3456563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868CFB76-9BBE-2F68-D430-8B2389DCE1AB}"/>
              </a:ext>
            </a:extLst>
          </p:cNvPr>
          <p:cNvSpPr/>
          <p:nvPr/>
        </p:nvSpPr>
        <p:spPr>
          <a:xfrm>
            <a:off x="3255525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1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EB347D2B-3DCE-3766-6626-FB556805242A}"/>
              </a:ext>
            </a:extLst>
          </p:cNvPr>
          <p:cNvCxnSpPr>
            <a:cxnSpLocks/>
            <a:stCxn id="53" idx="2"/>
          </p:cNvCxnSpPr>
          <p:nvPr/>
        </p:nvCxnSpPr>
        <p:spPr>
          <a:xfrm>
            <a:off x="10740958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CF517C51-B8E9-F125-3298-53EC75F24E90}"/>
              </a:ext>
            </a:extLst>
          </p:cNvPr>
          <p:cNvCxnSpPr>
            <a:cxnSpLocks/>
            <a:stCxn id="41" idx="2"/>
          </p:cNvCxnSpPr>
          <p:nvPr/>
        </p:nvCxnSpPr>
        <p:spPr>
          <a:xfrm>
            <a:off x="7102813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366579C3-6E16-C585-22B8-78452DEA1819}"/>
              </a:ext>
            </a:extLst>
          </p:cNvPr>
          <p:cNvCxnSpPr>
            <a:cxnSpLocks/>
            <a:stCxn id="40" idx="2"/>
          </p:cNvCxnSpPr>
          <p:nvPr/>
        </p:nvCxnSpPr>
        <p:spPr>
          <a:xfrm>
            <a:off x="6193277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96FF8C69-80FD-34C3-27B7-FC8A7EA1E393}"/>
              </a:ext>
            </a:extLst>
          </p:cNvPr>
          <p:cNvCxnSpPr>
            <a:cxnSpLocks/>
            <a:stCxn id="39" idx="2"/>
          </p:cNvCxnSpPr>
          <p:nvPr/>
        </p:nvCxnSpPr>
        <p:spPr>
          <a:xfrm>
            <a:off x="5283741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3FCC9206-374A-C5D9-06F4-C255B47C03FF}"/>
              </a:ext>
            </a:extLst>
          </p:cNvPr>
          <p:cNvCxnSpPr>
            <a:cxnSpLocks/>
            <a:stCxn id="38" idx="2"/>
          </p:cNvCxnSpPr>
          <p:nvPr/>
        </p:nvCxnSpPr>
        <p:spPr>
          <a:xfrm>
            <a:off x="4374205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8AE92FE6-A878-8C44-3342-DE4B08C8D56F}"/>
              </a:ext>
            </a:extLst>
          </p:cNvPr>
          <p:cNvCxnSpPr>
            <a:cxnSpLocks/>
            <a:stCxn id="52" idx="2"/>
          </p:cNvCxnSpPr>
          <p:nvPr/>
        </p:nvCxnSpPr>
        <p:spPr>
          <a:xfrm>
            <a:off x="9831421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63552457-D6BD-FA53-FB87-9B1E2B066DB5}"/>
              </a:ext>
            </a:extLst>
          </p:cNvPr>
          <p:cNvCxnSpPr>
            <a:cxnSpLocks/>
            <a:stCxn id="51" idx="2"/>
          </p:cNvCxnSpPr>
          <p:nvPr/>
        </p:nvCxnSpPr>
        <p:spPr>
          <a:xfrm>
            <a:off x="8921885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93DDB080-8DEE-7AD2-3736-FF79902FC753}"/>
              </a:ext>
            </a:extLst>
          </p:cNvPr>
          <p:cNvCxnSpPr>
            <a:cxnSpLocks/>
            <a:stCxn id="42" idx="2"/>
          </p:cNvCxnSpPr>
          <p:nvPr/>
        </p:nvCxnSpPr>
        <p:spPr>
          <a:xfrm>
            <a:off x="8012349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8" name="Rectangle: Rounded Corners 37">
            <a:extLst>
              <a:ext uri="{FF2B5EF4-FFF2-40B4-BE49-F238E27FC236}">
                <a16:creationId xmlns:a16="http://schemas.microsoft.com/office/drawing/2014/main" id="{AF1CEA90-52A1-DD0B-812A-E7392D8E693A}"/>
              </a:ext>
            </a:extLst>
          </p:cNvPr>
          <p:cNvSpPr/>
          <p:nvPr/>
        </p:nvSpPr>
        <p:spPr>
          <a:xfrm>
            <a:off x="4173167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2</a:t>
            </a:r>
          </a:p>
        </p:txBody>
      </p:sp>
      <p:sp>
        <p:nvSpPr>
          <p:cNvPr id="39" name="Rectangle: Rounded Corners 38">
            <a:extLst>
              <a:ext uri="{FF2B5EF4-FFF2-40B4-BE49-F238E27FC236}">
                <a16:creationId xmlns:a16="http://schemas.microsoft.com/office/drawing/2014/main" id="{D2D34028-837F-B018-1106-89C590B0C3E6}"/>
              </a:ext>
            </a:extLst>
          </p:cNvPr>
          <p:cNvSpPr/>
          <p:nvPr/>
        </p:nvSpPr>
        <p:spPr>
          <a:xfrm>
            <a:off x="5082703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3</a:t>
            </a:r>
          </a:p>
        </p:txBody>
      </p:sp>
      <p:sp>
        <p:nvSpPr>
          <p:cNvPr id="40" name="Rectangle: Rounded Corners 39">
            <a:extLst>
              <a:ext uri="{FF2B5EF4-FFF2-40B4-BE49-F238E27FC236}">
                <a16:creationId xmlns:a16="http://schemas.microsoft.com/office/drawing/2014/main" id="{0012F30C-F1D7-7156-5F8D-E7B09AD763EB}"/>
              </a:ext>
            </a:extLst>
          </p:cNvPr>
          <p:cNvSpPr/>
          <p:nvPr/>
        </p:nvSpPr>
        <p:spPr>
          <a:xfrm>
            <a:off x="5992239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4</a:t>
            </a:r>
          </a:p>
        </p:txBody>
      </p:sp>
      <p:sp>
        <p:nvSpPr>
          <p:cNvPr id="41" name="Rectangle: Rounded Corners 40">
            <a:extLst>
              <a:ext uri="{FF2B5EF4-FFF2-40B4-BE49-F238E27FC236}">
                <a16:creationId xmlns:a16="http://schemas.microsoft.com/office/drawing/2014/main" id="{AE8F0C3C-1BD1-8A2B-12F8-B6CF10DACB40}"/>
              </a:ext>
            </a:extLst>
          </p:cNvPr>
          <p:cNvSpPr/>
          <p:nvPr/>
        </p:nvSpPr>
        <p:spPr>
          <a:xfrm>
            <a:off x="6901775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5</a:t>
            </a:r>
          </a:p>
        </p:txBody>
      </p:sp>
      <p:sp>
        <p:nvSpPr>
          <p:cNvPr id="42" name="Rectangle: Rounded Corners 41">
            <a:extLst>
              <a:ext uri="{FF2B5EF4-FFF2-40B4-BE49-F238E27FC236}">
                <a16:creationId xmlns:a16="http://schemas.microsoft.com/office/drawing/2014/main" id="{AE23ABA5-F0AD-3AF6-E263-B91C5A611CBB}"/>
              </a:ext>
            </a:extLst>
          </p:cNvPr>
          <p:cNvSpPr/>
          <p:nvPr/>
        </p:nvSpPr>
        <p:spPr>
          <a:xfrm>
            <a:off x="7811311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6</a:t>
            </a:r>
          </a:p>
        </p:txBody>
      </p:sp>
      <p:sp>
        <p:nvSpPr>
          <p:cNvPr id="51" name="Rectangle: Rounded Corners 50">
            <a:extLst>
              <a:ext uri="{FF2B5EF4-FFF2-40B4-BE49-F238E27FC236}">
                <a16:creationId xmlns:a16="http://schemas.microsoft.com/office/drawing/2014/main" id="{0DC7FD9E-B00B-DFEF-AFF9-DC02751F9C4B}"/>
              </a:ext>
            </a:extLst>
          </p:cNvPr>
          <p:cNvSpPr/>
          <p:nvPr/>
        </p:nvSpPr>
        <p:spPr>
          <a:xfrm>
            <a:off x="8720847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7</a:t>
            </a:r>
          </a:p>
        </p:txBody>
      </p: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A1D8A0CE-E4CE-A3AA-38CE-6BA382BD32FD}"/>
              </a:ext>
            </a:extLst>
          </p:cNvPr>
          <p:cNvSpPr/>
          <p:nvPr/>
        </p:nvSpPr>
        <p:spPr>
          <a:xfrm>
            <a:off x="9630383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8</a:t>
            </a:r>
          </a:p>
        </p:txBody>
      </p: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4F5A8449-8974-6E1C-2F6A-CF46E16D61FB}"/>
              </a:ext>
            </a:extLst>
          </p:cNvPr>
          <p:cNvSpPr/>
          <p:nvPr/>
        </p:nvSpPr>
        <p:spPr>
          <a:xfrm>
            <a:off x="10539920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9</a:t>
            </a:r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A96F68BF-6020-C720-4B86-81D3D81170AC}"/>
              </a:ext>
            </a:extLst>
          </p:cNvPr>
          <p:cNvSpPr/>
          <p:nvPr/>
        </p:nvSpPr>
        <p:spPr>
          <a:xfrm>
            <a:off x="3464669" y="1787293"/>
            <a:ext cx="3177703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lena W.</a:t>
            </a:r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C1F13DAF-9311-8B2C-DCA3-62281ABE5339}"/>
              </a:ext>
            </a:extLst>
          </p:cNvPr>
          <p:cNvSpPr/>
          <p:nvPr/>
        </p:nvSpPr>
        <p:spPr>
          <a:xfrm>
            <a:off x="4820058" y="2674632"/>
            <a:ext cx="2081717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chael T.</a:t>
            </a:r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53BF638F-B682-8E21-FED4-6C3A6608B74E}"/>
              </a:ext>
            </a:extLst>
          </p:cNvPr>
          <p:cNvSpPr/>
          <p:nvPr/>
        </p:nvSpPr>
        <p:spPr>
          <a:xfrm>
            <a:off x="5747425" y="3561971"/>
            <a:ext cx="2704288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essica P.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EBC5394E-5AA2-6987-4E45-497BF599B907}"/>
              </a:ext>
            </a:extLst>
          </p:cNvPr>
          <p:cNvSpPr/>
          <p:nvPr/>
        </p:nvSpPr>
        <p:spPr>
          <a:xfrm>
            <a:off x="8012347" y="4449310"/>
            <a:ext cx="1379709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arlos E.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8434E0C8-BC48-CF0B-DBF0-4EE9ED2CE6D3}"/>
              </a:ext>
            </a:extLst>
          </p:cNvPr>
          <p:cNvSpPr/>
          <p:nvPr/>
        </p:nvSpPr>
        <p:spPr>
          <a:xfrm>
            <a:off x="8451713" y="5336651"/>
            <a:ext cx="2289245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Simon G.</a:t>
            </a:r>
          </a:p>
        </p:txBody>
      </p:sp>
      <p:pic>
        <p:nvPicPr>
          <p:cNvPr id="73" name="Graphic 72" descr="Magnifying glass with solid fill">
            <a:extLst>
              <a:ext uri="{FF2B5EF4-FFF2-40B4-BE49-F238E27FC236}">
                <a16:creationId xmlns:a16="http://schemas.microsoft.com/office/drawing/2014/main" id="{EA2FBBE8-C04C-1F4F-CFF7-E953DE3CD39E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552552" y="5464464"/>
            <a:ext cx="369332" cy="369332"/>
          </a:xfrm>
          <a:prstGeom prst="rect">
            <a:avLst/>
          </a:prstGeom>
        </p:spPr>
      </p:pic>
      <p:pic>
        <p:nvPicPr>
          <p:cNvPr id="75" name="Graphic 74" descr="Tools with solid fill">
            <a:extLst>
              <a:ext uri="{FF2B5EF4-FFF2-40B4-BE49-F238E27FC236}">
                <a16:creationId xmlns:a16="http://schemas.microsoft.com/office/drawing/2014/main" id="{F5207E88-6936-DBBB-38DD-FB2B021E453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563255" y="4577123"/>
            <a:ext cx="369332" cy="369332"/>
          </a:xfrm>
          <a:prstGeom prst="rect">
            <a:avLst/>
          </a:prstGeom>
        </p:spPr>
      </p:pic>
      <p:pic>
        <p:nvPicPr>
          <p:cNvPr id="77" name="Graphic 76" descr="Triangle Ruler with solid fill">
            <a:extLst>
              <a:ext uri="{FF2B5EF4-FFF2-40B4-BE49-F238E27FC236}">
                <a16:creationId xmlns:a16="http://schemas.microsoft.com/office/drawing/2014/main" id="{3090B7EF-F360-D9CF-017C-57C8A1D175CD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5911334" y="3689784"/>
            <a:ext cx="369332" cy="369332"/>
          </a:xfrm>
          <a:prstGeom prst="rect">
            <a:avLst/>
          </a:prstGeom>
        </p:spPr>
      </p:pic>
      <p:pic>
        <p:nvPicPr>
          <p:cNvPr id="79" name="Graphic 78" descr="Clipboard Checked with solid fill">
            <a:extLst>
              <a:ext uri="{FF2B5EF4-FFF2-40B4-BE49-F238E27FC236}">
                <a16:creationId xmlns:a16="http://schemas.microsoft.com/office/drawing/2014/main" id="{5ED22A05-5B82-0046-B10B-31B22A53AB3A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4914409" y="2802445"/>
            <a:ext cx="369332" cy="369332"/>
          </a:xfrm>
          <a:prstGeom prst="rect">
            <a:avLst/>
          </a:prstGeom>
        </p:spPr>
      </p:pic>
      <p:pic>
        <p:nvPicPr>
          <p:cNvPr id="81" name="Graphic 80" descr="Rocket with solid fill">
            <a:extLst>
              <a:ext uri="{FF2B5EF4-FFF2-40B4-BE49-F238E27FC236}">
                <a16:creationId xmlns:a16="http://schemas.microsoft.com/office/drawing/2014/main" id="{F52E4E11-32E8-FC9A-D793-FD04043EECD6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3590883" y="1915106"/>
            <a:ext cx="369332" cy="3693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476272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E5D95-B1A7-A10B-5EB5-A26C5A0AF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ll-Width Yearly Gantt Chart – Slide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A3DE4864-72EC-7826-6962-07B83402DBD5}"/>
              </a:ext>
            </a:extLst>
          </p:cNvPr>
          <p:cNvGraphicFramePr>
            <a:graphicFrameLocks noGrp="1"/>
          </p:cNvGraphicFramePr>
          <p:nvPr/>
        </p:nvGraphicFramePr>
        <p:xfrm>
          <a:off x="0" y="1083013"/>
          <a:ext cx="12191994" cy="5229324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2049294">
                  <a:extLst>
                    <a:ext uri="{9D8B030D-6E8A-4147-A177-3AD203B41FA5}">
                      <a16:colId xmlns:a16="http://schemas.microsoft.com/office/drawing/2014/main" val="361146198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028836223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020637068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123487980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87209034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46802182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3209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86554229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908572416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167978337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346384989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4024176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677546083"/>
                    </a:ext>
                  </a:extLst>
                </a:gridCol>
              </a:tblGrid>
              <a:tr h="57269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Ja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Feb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3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Ma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4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Ap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5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May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6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Ju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7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Jul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8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Aug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09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Sep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10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Oc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1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Nov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1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</a:rPr>
                        <a:t>Dec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7699740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>
                          <a:solidFill>
                            <a:schemeClr val="bg1"/>
                          </a:solidFill>
                        </a:rPr>
                        <a:t>Project Planning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576065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Market Research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069473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Project Scope Defini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5955343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Resource Alloc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3320179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>
                          <a:solidFill>
                            <a:schemeClr val="bg1"/>
                          </a:solidFill>
                        </a:rPr>
                        <a:t>Imple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8814538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Development Phas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198683174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Quality Assuranc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0089969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Compliance Checks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9489602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>
                          <a:solidFill>
                            <a:schemeClr val="bg1"/>
                          </a:solidFill>
                        </a:rPr>
                        <a:t>Project Closur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2140901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Final Review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5298071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Docu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601132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bg1">
                              <a:lumMod val="65000"/>
                            </a:schemeClr>
                          </a:solidFill>
                        </a:rPr>
                        <a:t>Project Handover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7030130"/>
                  </a:ext>
                </a:extLst>
              </a:tr>
            </a:tbl>
          </a:graphicData>
        </a:graphic>
      </p:graphicFrame>
      <p:grpSp>
        <p:nvGrpSpPr>
          <p:cNvPr id="7" name="Group 6">
            <a:extLst>
              <a:ext uri="{FF2B5EF4-FFF2-40B4-BE49-F238E27FC236}">
                <a16:creationId xmlns:a16="http://schemas.microsoft.com/office/drawing/2014/main" id="{047F5371-1DAA-308D-64AE-0D5FE5EB6C8C}"/>
              </a:ext>
            </a:extLst>
          </p:cNvPr>
          <p:cNvGrpSpPr/>
          <p:nvPr/>
        </p:nvGrpSpPr>
        <p:grpSpPr>
          <a:xfrm>
            <a:off x="2047875" y="7352934"/>
            <a:ext cx="10144126" cy="517891"/>
            <a:chOff x="2047874" y="5667009"/>
            <a:chExt cx="11066313" cy="517891"/>
          </a:xfrm>
        </p:grpSpPr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A627D96D-8A28-73B1-D9A0-6E4C44397E25}"/>
                </a:ext>
              </a:extLst>
            </p:cNvPr>
            <p:cNvSpPr/>
            <p:nvPr/>
          </p:nvSpPr>
          <p:spPr>
            <a:xfrm>
              <a:off x="204787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95B0030-A2A3-FF42-F96C-8FFBC65AFE3E}"/>
                </a:ext>
              </a:extLst>
            </p:cNvPr>
            <p:cNvSpPr/>
            <p:nvPr/>
          </p:nvSpPr>
          <p:spPr>
            <a:xfrm>
              <a:off x="2970067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218B6767-8448-F4FA-C9CB-CD52ED92C8E1}"/>
                </a:ext>
              </a:extLst>
            </p:cNvPr>
            <p:cNvSpPr/>
            <p:nvPr/>
          </p:nvSpPr>
          <p:spPr>
            <a:xfrm>
              <a:off x="3892260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B26157F3-D976-D44D-3250-78948A048252}"/>
                </a:ext>
              </a:extLst>
            </p:cNvPr>
            <p:cNvSpPr/>
            <p:nvPr/>
          </p:nvSpPr>
          <p:spPr>
            <a:xfrm>
              <a:off x="4814453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A8B5FD87-B9A9-0BA9-013A-C84FD8B276E3}"/>
                </a:ext>
              </a:extLst>
            </p:cNvPr>
            <p:cNvSpPr/>
            <p:nvPr/>
          </p:nvSpPr>
          <p:spPr>
            <a:xfrm>
              <a:off x="5736646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848A38A4-0167-4DC2-461A-859513C58674}"/>
                </a:ext>
              </a:extLst>
            </p:cNvPr>
            <p:cNvSpPr/>
            <p:nvPr/>
          </p:nvSpPr>
          <p:spPr>
            <a:xfrm>
              <a:off x="6658839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3F84B3A1-3C7E-ACB9-3732-0F4E1CE85A93}"/>
                </a:ext>
              </a:extLst>
            </p:cNvPr>
            <p:cNvSpPr/>
            <p:nvPr/>
          </p:nvSpPr>
          <p:spPr>
            <a:xfrm>
              <a:off x="7581032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E86FB479-F3E5-A0BF-5291-3630C9214E11}"/>
                </a:ext>
              </a:extLst>
            </p:cNvPr>
            <p:cNvSpPr/>
            <p:nvPr/>
          </p:nvSpPr>
          <p:spPr>
            <a:xfrm>
              <a:off x="8503225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BD66F321-C5F0-8BD8-910F-FF7F86B1ADA3}"/>
                </a:ext>
              </a:extLst>
            </p:cNvPr>
            <p:cNvSpPr/>
            <p:nvPr/>
          </p:nvSpPr>
          <p:spPr>
            <a:xfrm>
              <a:off x="9425418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199CFDCB-8E0B-57D8-123F-DC7E340DCBFF}"/>
                </a:ext>
              </a:extLst>
            </p:cNvPr>
            <p:cNvSpPr/>
            <p:nvPr/>
          </p:nvSpPr>
          <p:spPr>
            <a:xfrm>
              <a:off x="10347611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3E7BE573-7FE0-1E09-980B-914532240242}"/>
                </a:ext>
              </a:extLst>
            </p:cNvPr>
            <p:cNvSpPr/>
            <p:nvPr/>
          </p:nvSpPr>
          <p:spPr>
            <a:xfrm>
              <a:off x="1126980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565B2553-E492-F5ED-CEAF-08B6050F1670}"/>
                </a:ext>
              </a:extLst>
            </p:cNvPr>
            <p:cNvSpPr/>
            <p:nvPr/>
          </p:nvSpPr>
          <p:spPr>
            <a:xfrm>
              <a:off x="12191994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2448044A-4E07-BD50-7AA3-285ADFDD5A6A}"/>
              </a:ext>
            </a:extLst>
          </p:cNvPr>
          <p:cNvSpPr/>
          <p:nvPr/>
        </p:nvSpPr>
        <p:spPr>
          <a:xfrm>
            <a:off x="2047874" y="2102423"/>
            <a:ext cx="1266825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C6068AB-3207-3A57-3B36-755B27534E81}"/>
              </a:ext>
            </a:extLst>
          </p:cNvPr>
          <p:cNvSpPr/>
          <p:nvPr/>
        </p:nvSpPr>
        <p:spPr>
          <a:xfrm>
            <a:off x="-1911490" y="1714499"/>
            <a:ext cx="1057275" cy="459141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F3CE5B3D-6158-1300-962B-41391C9A8CD1}"/>
              </a:ext>
            </a:extLst>
          </p:cNvPr>
          <p:cNvSpPr/>
          <p:nvPr/>
        </p:nvSpPr>
        <p:spPr>
          <a:xfrm>
            <a:off x="2745044" y="2490347"/>
            <a:ext cx="464882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995916DC-F313-BBB5-E536-860EAB6BC285}"/>
              </a:ext>
            </a:extLst>
          </p:cNvPr>
          <p:cNvSpPr/>
          <p:nvPr/>
        </p:nvSpPr>
        <p:spPr>
          <a:xfrm>
            <a:off x="3314699" y="2878271"/>
            <a:ext cx="762000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71888B23-4EE9-8775-6E3D-6E28F0193639}"/>
              </a:ext>
            </a:extLst>
          </p:cNvPr>
          <p:cNvSpPr/>
          <p:nvPr/>
        </p:nvSpPr>
        <p:spPr>
          <a:xfrm>
            <a:off x="4076699" y="3654119"/>
            <a:ext cx="2197896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9D17CEF1-DE63-3944-6EDD-1C183F97010F}"/>
              </a:ext>
            </a:extLst>
          </p:cNvPr>
          <p:cNvSpPr/>
          <p:nvPr/>
        </p:nvSpPr>
        <p:spPr>
          <a:xfrm>
            <a:off x="6274595" y="4042043"/>
            <a:ext cx="1316830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11EC050D-84C3-B6F6-744D-938BC5178EC9}"/>
              </a:ext>
            </a:extLst>
          </p:cNvPr>
          <p:cNvSpPr/>
          <p:nvPr/>
        </p:nvSpPr>
        <p:spPr>
          <a:xfrm>
            <a:off x="7591425" y="4429967"/>
            <a:ext cx="845344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1A68BE5C-9C83-B121-3581-0BF4AFCA9227}"/>
              </a:ext>
            </a:extLst>
          </p:cNvPr>
          <p:cNvSpPr/>
          <p:nvPr/>
        </p:nvSpPr>
        <p:spPr>
          <a:xfrm>
            <a:off x="8436769" y="5205815"/>
            <a:ext cx="516731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925344C2-7616-FC80-52BD-1A21AFB947CE}"/>
              </a:ext>
            </a:extLst>
          </p:cNvPr>
          <p:cNvSpPr/>
          <p:nvPr/>
        </p:nvSpPr>
        <p:spPr>
          <a:xfrm>
            <a:off x="8953500" y="5593739"/>
            <a:ext cx="1219200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A4B83EF5-E981-39DE-EA89-5E25CA33A1CD}"/>
              </a:ext>
            </a:extLst>
          </p:cNvPr>
          <p:cNvSpPr/>
          <p:nvPr/>
        </p:nvSpPr>
        <p:spPr>
          <a:xfrm>
            <a:off x="10172699" y="5981658"/>
            <a:ext cx="1173957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212C9C7F-534F-14C6-E8E9-7BC2C38136FB}"/>
              </a:ext>
            </a:extLst>
          </p:cNvPr>
          <p:cNvSpPr/>
          <p:nvPr/>
        </p:nvSpPr>
        <p:spPr>
          <a:xfrm>
            <a:off x="2047874" y="1714499"/>
            <a:ext cx="2028825" cy="274320"/>
          </a:xfrm>
          <a:prstGeom prst="roundRect">
            <a:avLst>
              <a:gd name="adj" fmla="val 50000"/>
            </a:avLst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EF4D1D02-211F-AF7D-A3E7-AD0EB080C7AE}"/>
              </a:ext>
            </a:extLst>
          </p:cNvPr>
          <p:cNvSpPr/>
          <p:nvPr/>
        </p:nvSpPr>
        <p:spPr>
          <a:xfrm>
            <a:off x="4076699" y="3266195"/>
            <a:ext cx="4360069" cy="274320"/>
          </a:xfrm>
          <a:prstGeom prst="roundRect">
            <a:avLst>
              <a:gd name="adj" fmla="val 50000"/>
            </a:avLst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ADDC75DE-F466-EBB1-585D-BC69E9F6DBAB}"/>
              </a:ext>
            </a:extLst>
          </p:cNvPr>
          <p:cNvSpPr/>
          <p:nvPr/>
        </p:nvSpPr>
        <p:spPr>
          <a:xfrm>
            <a:off x="8435581" y="4817891"/>
            <a:ext cx="2911075" cy="274320"/>
          </a:xfrm>
          <a:prstGeom prst="roundRect">
            <a:avLst>
              <a:gd name="adj" fmla="val 50000"/>
            </a:avLst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EBF64793-DBF7-8BBB-D81D-B272719F36C0}"/>
              </a:ext>
            </a:extLst>
          </p:cNvPr>
          <p:cNvSpPr txBox="1"/>
          <p:nvPr/>
        </p:nvSpPr>
        <p:spPr>
          <a:xfrm>
            <a:off x="4133654" y="1774714"/>
            <a:ext cx="156004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March 1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DF809A55-A7ED-78F0-8220-F850B19A6C40}"/>
              </a:ext>
            </a:extLst>
          </p:cNvPr>
          <p:cNvSpPr txBox="1"/>
          <p:nvPr/>
        </p:nvSpPr>
        <p:spPr>
          <a:xfrm>
            <a:off x="3403255" y="2162638"/>
            <a:ext cx="1475084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February 15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CB391A41-DA29-DC26-C225-7B0C354A479D}"/>
              </a:ext>
            </a:extLst>
          </p:cNvPr>
          <p:cNvSpPr txBox="1"/>
          <p:nvPr/>
        </p:nvSpPr>
        <p:spPr>
          <a:xfrm>
            <a:off x="3314699" y="2550562"/>
            <a:ext cx="154080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25 to February 10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9E3C9700-4390-6F8F-0B9D-B09D1198732B}"/>
              </a:ext>
            </a:extLst>
          </p:cNvPr>
          <p:cNvSpPr txBox="1"/>
          <p:nvPr/>
        </p:nvSpPr>
        <p:spPr>
          <a:xfrm>
            <a:off x="4085102" y="2938486"/>
            <a:ext cx="147668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ebruary 16 to March 1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77606551-251E-1495-9599-F585229BDD2C}"/>
              </a:ext>
            </a:extLst>
          </p:cNvPr>
          <p:cNvSpPr txBox="1"/>
          <p:nvPr/>
        </p:nvSpPr>
        <p:spPr>
          <a:xfrm>
            <a:off x="8603560" y="3326410"/>
            <a:ext cx="157286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AE16FBE-8D15-FCF9-050E-4C8EB6C64E64}"/>
              </a:ext>
            </a:extLst>
          </p:cNvPr>
          <p:cNvSpPr txBox="1"/>
          <p:nvPr/>
        </p:nvSpPr>
        <p:spPr>
          <a:xfrm>
            <a:off x="6410773" y="3714334"/>
            <a:ext cx="137249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>
            <a:defPPr>
              <a:defRPr lang="en-US"/>
            </a:defPPr>
            <a:lvl1pPr algn="r">
              <a:defRPr sz="110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F3155AC4-1E6F-CA07-613C-0A52C845DEB2}"/>
              </a:ext>
            </a:extLst>
          </p:cNvPr>
          <p:cNvSpPr txBox="1"/>
          <p:nvPr/>
        </p:nvSpPr>
        <p:spPr>
          <a:xfrm>
            <a:off x="7721413" y="4102258"/>
            <a:ext cx="104387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ne 1 to July 15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A8058AE8-748E-F97A-F048-E2C77F0A6067}"/>
              </a:ext>
            </a:extLst>
          </p:cNvPr>
          <p:cNvSpPr txBox="1"/>
          <p:nvPr/>
        </p:nvSpPr>
        <p:spPr>
          <a:xfrm>
            <a:off x="8569375" y="4490182"/>
            <a:ext cx="1231427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>
            <a:defPPr>
              <a:defRPr lang="en-US"/>
            </a:defPPr>
            <a:lvl1pPr algn="r">
              <a:defRPr sz="110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ly 16 to August 15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AE7A8917-0AFC-1E21-24E1-C09CAC5429BE}"/>
              </a:ext>
            </a:extLst>
          </p:cNvPr>
          <p:cNvSpPr txBox="1"/>
          <p:nvPr/>
        </p:nvSpPr>
        <p:spPr>
          <a:xfrm>
            <a:off x="6551795" y="4878106"/>
            <a:ext cx="179247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November 3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3AA79CD5-51D9-DA23-FBFF-59E50581055A}"/>
              </a:ext>
            </a:extLst>
          </p:cNvPr>
          <p:cNvSpPr txBox="1"/>
          <p:nvPr/>
        </p:nvSpPr>
        <p:spPr>
          <a:xfrm>
            <a:off x="6797055" y="5266030"/>
            <a:ext cx="154721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>
            <a:defPPr>
              <a:defRPr lang="en-US"/>
            </a:defPPr>
            <a:lvl1pPr algn="r">
              <a:defRPr sz="110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September 5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03C62F43-EF23-0405-833F-C06780E168F0}"/>
              </a:ext>
            </a:extLst>
          </p:cNvPr>
          <p:cNvSpPr txBox="1"/>
          <p:nvPr/>
        </p:nvSpPr>
        <p:spPr>
          <a:xfrm>
            <a:off x="7199288" y="5653954"/>
            <a:ext cx="1611339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ptember 6 to October 15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96AD7D84-F184-501C-F267-FBCDC13ABE5E}"/>
              </a:ext>
            </a:extLst>
          </p:cNvPr>
          <p:cNvSpPr txBox="1"/>
          <p:nvPr/>
        </p:nvSpPr>
        <p:spPr>
          <a:xfrm>
            <a:off x="8240880" y="6034179"/>
            <a:ext cx="1794082" cy="169277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ober 16 to November 30</a:t>
            </a:r>
          </a:p>
        </p:txBody>
      </p:sp>
    </p:spTree>
    <p:extLst>
      <p:ext uri="{BB962C8B-B14F-4D97-AF65-F5344CB8AC3E}">
        <p14:creationId xmlns:p14="http://schemas.microsoft.com/office/powerpoint/2010/main" val="44070768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antt Chart – Slide Template</a:t>
            </a:r>
          </a:p>
        </p:txBody>
      </p:sp>
      <p:graphicFrame>
        <p:nvGraphicFramePr>
          <p:cNvPr id="33" name="Table 3">
            <a:extLst>
              <a:ext uri="{FF2B5EF4-FFF2-40B4-BE49-F238E27FC236}">
                <a16:creationId xmlns:a16="http://schemas.microsoft.com/office/drawing/2014/main" id="{E5D211B4-0F39-41F7-9651-009C4B51DBB2}"/>
              </a:ext>
            </a:extLst>
          </p:cNvPr>
          <p:cNvGraphicFramePr>
            <a:graphicFrameLocks noGrp="1"/>
          </p:cNvGraphicFramePr>
          <p:nvPr/>
        </p:nvGraphicFramePr>
        <p:xfrm>
          <a:off x="466725" y="1177290"/>
          <a:ext cx="10887076" cy="484934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57325">
                  <a:extLst>
                    <a:ext uri="{9D8B030D-6E8A-4147-A177-3AD203B41FA5}">
                      <a16:colId xmlns:a16="http://schemas.microsoft.com/office/drawing/2014/main" val="1898694509"/>
                    </a:ext>
                  </a:extLst>
                </a:gridCol>
                <a:gridCol w="719219">
                  <a:extLst>
                    <a:ext uri="{9D8B030D-6E8A-4147-A177-3AD203B41FA5}">
                      <a16:colId xmlns:a16="http://schemas.microsoft.com/office/drawing/2014/main" val="429144436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73284757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6728960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42088155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53467299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811847961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310245249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83875811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03222055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5466291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0009904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53922620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94049850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17739182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58718067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139093092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171333015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192016745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4434144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404099710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24086722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6016155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809976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21047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79321854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20774138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12139424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92681067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70756585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57220252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47008858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759640181"/>
                    </a:ext>
                  </a:extLst>
                </a:gridCol>
              </a:tblGrid>
              <a:tr h="393172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TASK NAME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% Complete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3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4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1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3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4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7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0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1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3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4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7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30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31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14988869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8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83634390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5659964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8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661881776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7668953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5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61069135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8845719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51980430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05095068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981406464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5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47270724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6396988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93415889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39570897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12867376"/>
                  </a:ext>
                </a:extLst>
              </a:tr>
            </a:tbl>
          </a:graphicData>
        </a:graphic>
      </p:graphicFrame>
      <p:grpSp>
        <p:nvGrpSpPr>
          <p:cNvPr id="34" name="Group 33">
            <a:extLst>
              <a:ext uri="{FF2B5EF4-FFF2-40B4-BE49-F238E27FC236}">
                <a16:creationId xmlns:a16="http://schemas.microsoft.com/office/drawing/2014/main" id="{62CA095B-EFD8-4206-9D47-2B7F65A98F76}"/>
              </a:ext>
            </a:extLst>
          </p:cNvPr>
          <p:cNvGrpSpPr/>
          <p:nvPr/>
        </p:nvGrpSpPr>
        <p:grpSpPr>
          <a:xfrm>
            <a:off x="3319274" y="1666372"/>
            <a:ext cx="3332986" cy="257678"/>
            <a:chOff x="1757174" y="2742697"/>
            <a:chExt cx="2363755" cy="534956"/>
          </a:xfrm>
        </p:grpSpPr>
        <p:grpSp>
          <p:nvGrpSpPr>
            <p:cNvPr id="35" name="Group 34">
              <a:extLst>
                <a:ext uri="{FF2B5EF4-FFF2-40B4-BE49-F238E27FC236}">
                  <a16:creationId xmlns:a16="http://schemas.microsoft.com/office/drawing/2014/main" id="{E17015B1-9F8C-44C6-BD5B-1D51E6565ECC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37" name="Rectangle 5">
                <a:extLst>
                  <a:ext uri="{FF2B5EF4-FFF2-40B4-BE49-F238E27FC236}">
                    <a16:creationId xmlns:a16="http://schemas.microsoft.com/office/drawing/2014/main" id="{09C16B84-57AA-49B2-8AD9-AAF3D1E67640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38" name="Rectangle 6">
                <a:extLst>
                  <a:ext uri="{FF2B5EF4-FFF2-40B4-BE49-F238E27FC236}">
                    <a16:creationId xmlns:a16="http://schemas.microsoft.com/office/drawing/2014/main" id="{35FEF633-85FF-4C8E-95B7-A8ADC4E485C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877807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36" name="Rectangle 5">
              <a:extLst>
                <a:ext uri="{FF2B5EF4-FFF2-40B4-BE49-F238E27FC236}">
                  <a16:creationId xmlns:a16="http://schemas.microsoft.com/office/drawing/2014/main" id="{241064D3-DCB2-4034-9485-15E6AD16D9CE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FA9DE18B-8845-4F97-9575-F1A788AD081B}"/>
              </a:ext>
            </a:extLst>
          </p:cNvPr>
          <p:cNvGrpSpPr/>
          <p:nvPr/>
        </p:nvGrpSpPr>
        <p:grpSpPr>
          <a:xfrm>
            <a:off x="3319274" y="2055215"/>
            <a:ext cx="2363755" cy="189443"/>
            <a:chOff x="1757174" y="2742697"/>
            <a:chExt cx="2363755" cy="534956"/>
          </a:xfrm>
        </p:grpSpPr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CC462465-93E1-497C-82B9-D280488A3B29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42" name="Rectangle 5">
                <a:extLst>
                  <a:ext uri="{FF2B5EF4-FFF2-40B4-BE49-F238E27FC236}">
                    <a16:creationId xmlns:a16="http://schemas.microsoft.com/office/drawing/2014/main" id="{08FCA7C7-AE74-4D32-A5EB-7DD85F2CF015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3" name="Rectangle 6">
                <a:extLst>
                  <a:ext uri="{FF2B5EF4-FFF2-40B4-BE49-F238E27FC236}">
                    <a16:creationId xmlns:a16="http://schemas.microsoft.com/office/drawing/2014/main" id="{049238B5-3B64-436C-BC75-16286C491D55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41" name="Rectangle 5">
              <a:extLst>
                <a:ext uri="{FF2B5EF4-FFF2-40B4-BE49-F238E27FC236}">
                  <a16:creationId xmlns:a16="http://schemas.microsoft.com/office/drawing/2014/main" id="{E35C539E-0B35-4FFF-B20A-BE624A2359C7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4" name="Group 73">
            <a:extLst>
              <a:ext uri="{FF2B5EF4-FFF2-40B4-BE49-F238E27FC236}">
                <a16:creationId xmlns:a16="http://schemas.microsoft.com/office/drawing/2014/main" id="{B098C4EE-6F77-4C12-B5F1-0B07175FD74E}"/>
              </a:ext>
            </a:extLst>
          </p:cNvPr>
          <p:cNvGrpSpPr/>
          <p:nvPr/>
        </p:nvGrpSpPr>
        <p:grpSpPr>
          <a:xfrm>
            <a:off x="5271188" y="2336627"/>
            <a:ext cx="1131363" cy="189443"/>
            <a:chOff x="1757174" y="2742697"/>
            <a:chExt cx="2363755" cy="534956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BB6B8834-155E-4414-BBC2-AAA7B6A71E73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77" name="Rectangle 5">
                <a:extLst>
                  <a:ext uri="{FF2B5EF4-FFF2-40B4-BE49-F238E27FC236}">
                    <a16:creationId xmlns:a16="http://schemas.microsoft.com/office/drawing/2014/main" id="{3922B74A-5C15-4656-B400-5A5F43679657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8" name="Rectangle 6">
                <a:extLst>
                  <a:ext uri="{FF2B5EF4-FFF2-40B4-BE49-F238E27FC236}">
                    <a16:creationId xmlns:a16="http://schemas.microsoft.com/office/drawing/2014/main" id="{E5DCE40C-E602-4D2C-B47D-AD8EC50C950A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045206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76" name="Rectangle 5">
              <a:extLst>
                <a:ext uri="{FF2B5EF4-FFF2-40B4-BE49-F238E27FC236}">
                  <a16:creationId xmlns:a16="http://schemas.microsoft.com/office/drawing/2014/main" id="{403C81F1-3429-428B-A600-166DB3955311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9" name="Group 78">
            <a:extLst>
              <a:ext uri="{FF2B5EF4-FFF2-40B4-BE49-F238E27FC236}">
                <a16:creationId xmlns:a16="http://schemas.microsoft.com/office/drawing/2014/main" id="{4177D2EF-5730-47D1-A166-BDFF9B67E30B}"/>
              </a:ext>
            </a:extLst>
          </p:cNvPr>
          <p:cNvGrpSpPr/>
          <p:nvPr/>
        </p:nvGrpSpPr>
        <p:grpSpPr>
          <a:xfrm>
            <a:off x="4288505" y="2617962"/>
            <a:ext cx="2363755" cy="189443"/>
            <a:chOff x="1757174" y="2742697"/>
            <a:chExt cx="2363755" cy="534956"/>
          </a:xfrm>
        </p:grpSpPr>
        <p:grpSp>
          <p:nvGrpSpPr>
            <p:cNvPr id="80" name="Group 79">
              <a:extLst>
                <a:ext uri="{FF2B5EF4-FFF2-40B4-BE49-F238E27FC236}">
                  <a16:creationId xmlns:a16="http://schemas.microsoft.com/office/drawing/2014/main" id="{2A232F7C-3A28-449A-A879-3F6A5328E880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82" name="Rectangle 5">
                <a:extLst>
                  <a:ext uri="{FF2B5EF4-FFF2-40B4-BE49-F238E27FC236}">
                    <a16:creationId xmlns:a16="http://schemas.microsoft.com/office/drawing/2014/main" id="{B6EFB7A3-7566-4F11-9C5C-E0EE3842CA3F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3" name="Rectangle 6">
                <a:extLst>
                  <a:ext uri="{FF2B5EF4-FFF2-40B4-BE49-F238E27FC236}">
                    <a16:creationId xmlns:a16="http://schemas.microsoft.com/office/drawing/2014/main" id="{3AFD5318-FEED-4666-B9BC-82234571C98E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678549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81" name="Rectangle 5">
              <a:extLst>
                <a:ext uri="{FF2B5EF4-FFF2-40B4-BE49-F238E27FC236}">
                  <a16:creationId xmlns:a16="http://schemas.microsoft.com/office/drawing/2014/main" id="{57518873-9D13-43E1-95BE-21405C472C79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4D2FA6DE-3321-499D-A0A9-D71A4174A7FB}"/>
              </a:ext>
            </a:extLst>
          </p:cNvPr>
          <p:cNvGrpSpPr/>
          <p:nvPr/>
        </p:nvGrpSpPr>
        <p:grpSpPr>
          <a:xfrm>
            <a:off x="4828986" y="3271114"/>
            <a:ext cx="3804474" cy="257678"/>
            <a:chOff x="1757174" y="2742697"/>
            <a:chExt cx="2363755" cy="534956"/>
          </a:xfrm>
        </p:grpSpPr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14681B9A-FDA3-4498-A9F8-CE1B2B9E7B9D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87" name="Rectangle 5">
                <a:extLst>
                  <a:ext uri="{FF2B5EF4-FFF2-40B4-BE49-F238E27FC236}">
                    <a16:creationId xmlns:a16="http://schemas.microsoft.com/office/drawing/2014/main" id="{D3808027-06AC-466D-8C1C-3923A2B9BED6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8" name="Rectangle 6">
                <a:extLst>
                  <a:ext uri="{FF2B5EF4-FFF2-40B4-BE49-F238E27FC236}">
                    <a16:creationId xmlns:a16="http://schemas.microsoft.com/office/drawing/2014/main" id="{9F97E7F5-69AC-41A5-A892-F092C763F7CD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1677269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86" name="Rectangle 5">
              <a:extLst>
                <a:ext uri="{FF2B5EF4-FFF2-40B4-BE49-F238E27FC236}">
                  <a16:creationId xmlns:a16="http://schemas.microsoft.com/office/drawing/2014/main" id="{FA6616EA-E2A4-4AFD-B4EB-ED51C568DF42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89" name="Group 88">
            <a:extLst>
              <a:ext uri="{FF2B5EF4-FFF2-40B4-BE49-F238E27FC236}">
                <a16:creationId xmlns:a16="http://schemas.microsoft.com/office/drawing/2014/main" id="{716D141F-8CB2-4DD3-9077-FF3776BB73CD}"/>
              </a:ext>
            </a:extLst>
          </p:cNvPr>
          <p:cNvGrpSpPr/>
          <p:nvPr/>
        </p:nvGrpSpPr>
        <p:grpSpPr>
          <a:xfrm>
            <a:off x="4828986" y="3659957"/>
            <a:ext cx="2363755" cy="189443"/>
            <a:chOff x="1757174" y="2742697"/>
            <a:chExt cx="2363755" cy="534956"/>
          </a:xfrm>
        </p:grpSpPr>
        <p:grpSp>
          <p:nvGrpSpPr>
            <p:cNvPr id="90" name="Group 89">
              <a:extLst>
                <a:ext uri="{FF2B5EF4-FFF2-40B4-BE49-F238E27FC236}">
                  <a16:creationId xmlns:a16="http://schemas.microsoft.com/office/drawing/2014/main" id="{AD46CDA6-4706-44F7-B661-065D4CCEF3D7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92" name="Rectangle 5">
                <a:extLst>
                  <a:ext uri="{FF2B5EF4-FFF2-40B4-BE49-F238E27FC236}">
                    <a16:creationId xmlns:a16="http://schemas.microsoft.com/office/drawing/2014/main" id="{F62B223B-C44C-4671-92E7-DD22F6501560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3" name="Rectangle 6">
                <a:extLst>
                  <a:ext uri="{FF2B5EF4-FFF2-40B4-BE49-F238E27FC236}">
                    <a16:creationId xmlns:a16="http://schemas.microsoft.com/office/drawing/2014/main" id="{C3106DA2-A8A7-4010-9EE1-90E3EEB34DDA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706412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91" name="Rectangle 5">
              <a:extLst>
                <a:ext uri="{FF2B5EF4-FFF2-40B4-BE49-F238E27FC236}">
                  <a16:creationId xmlns:a16="http://schemas.microsoft.com/office/drawing/2014/main" id="{97345345-40C5-435F-A25A-B53F027E296D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94" name="Group 93">
            <a:extLst>
              <a:ext uri="{FF2B5EF4-FFF2-40B4-BE49-F238E27FC236}">
                <a16:creationId xmlns:a16="http://schemas.microsoft.com/office/drawing/2014/main" id="{CE78B826-D4D6-4E8C-A0B0-054556BFB465}"/>
              </a:ext>
            </a:extLst>
          </p:cNvPr>
          <p:cNvGrpSpPr/>
          <p:nvPr/>
        </p:nvGrpSpPr>
        <p:grpSpPr>
          <a:xfrm>
            <a:off x="6599861" y="3941369"/>
            <a:ext cx="1417550" cy="189443"/>
            <a:chOff x="1757174" y="2742697"/>
            <a:chExt cx="2363755" cy="534956"/>
          </a:xfrm>
        </p:grpSpPr>
        <p:grpSp>
          <p:nvGrpSpPr>
            <p:cNvPr id="95" name="Group 94">
              <a:extLst>
                <a:ext uri="{FF2B5EF4-FFF2-40B4-BE49-F238E27FC236}">
                  <a16:creationId xmlns:a16="http://schemas.microsoft.com/office/drawing/2014/main" id="{352156D1-5FDF-40C4-A37B-52ED09F02949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97" name="Rectangle 5">
                <a:extLst>
                  <a:ext uri="{FF2B5EF4-FFF2-40B4-BE49-F238E27FC236}">
                    <a16:creationId xmlns:a16="http://schemas.microsoft.com/office/drawing/2014/main" id="{859D52B3-8BF9-46A9-A0AD-E27AA3829E06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8" name="Rectangle 6">
                <a:extLst>
                  <a:ext uri="{FF2B5EF4-FFF2-40B4-BE49-F238E27FC236}">
                    <a16:creationId xmlns:a16="http://schemas.microsoft.com/office/drawing/2014/main" id="{5A63F4D6-7B41-437B-A96C-DA0A26D89DE8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32213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96" name="Rectangle 5">
              <a:extLst>
                <a:ext uri="{FF2B5EF4-FFF2-40B4-BE49-F238E27FC236}">
                  <a16:creationId xmlns:a16="http://schemas.microsoft.com/office/drawing/2014/main" id="{AC407806-E812-4DD3-B254-188287F1846B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99" name="Group 98">
            <a:extLst>
              <a:ext uri="{FF2B5EF4-FFF2-40B4-BE49-F238E27FC236}">
                <a16:creationId xmlns:a16="http://schemas.microsoft.com/office/drawing/2014/main" id="{B9F70937-2297-4048-B564-A04AF6AFCBD3}"/>
              </a:ext>
            </a:extLst>
          </p:cNvPr>
          <p:cNvGrpSpPr/>
          <p:nvPr/>
        </p:nvGrpSpPr>
        <p:grpSpPr>
          <a:xfrm>
            <a:off x="6269705" y="4222704"/>
            <a:ext cx="2363755" cy="189443"/>
            <a:chOff x="1757174" y="2742697"/>
            <a:chExt cx="2363755" cy="534956"/>
          </a:xfrm>
        </p:grpSpPr>
        <p:grpSp>
          <p:nvGrpSpPr>
            <p:cNvPr id="100" name="Group 99">
              <a:extLst>
                <a:ext uri="{FF2B5EF4-FFF2-40B4-BE49-F238E27FC236}">
                  <a16:creationId xmlns:a16="http://schemas.microsoft.com/office/drawing/2014/main" id="{74EF61BA-5B39-44F3-A88D-AC4170D34FF2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02" name="Rectangle 5">
                <a:extLst>
                  <a:ext uri="{FF2B5EF4-FFF2-40B4-BE49-F238E27FC236}">
                    <a16:creationId xmlns:a16="http://schemas.microsoft.com/office/drawing/2014/main" id="{52F67F1C-F743-4140-93C7-B3C8B0C63AB7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3" name="Rectangle 6">
                <a:extLst>
                  <a:ext uri="{FF2B5EF4-FFF2-40B4-BE49-F238E27FC236}">
                    <a16:creationId xmlns:a16="http://schemas.microsoft.com/office/drawing/2014/main" id="{ABBD33E5-4529-4C25-86BE-04E7A43EC271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65693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01" name="Rectangle 5">
              <a:extLst>
                <a:ext uri="{FF2B5EF4-FFF2-40B4-BE49-F238E27FC236}">
                  <a16:creationId xmlns:a16="http://schemas.microsoft.com/office/drawing/2014/main" id="{6442BDE5-F92A-4875-91E0-41E0E1A45FF3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04" name="Group 103">
            <a:extLst>
              <a:ext uri="{FF2B5EF4-FFF2-40B4-BE49-F238E27FC236}">
                <a16:creationId xmlns:a16="http://schemas.microsoft.com/office/drawing/2014/main" id="{66A7E704-59E6-4DF0-9DD3-42C1B8453848}"/>
              </a:ext>
            </a:extLst>
          </p:cNvPr>
          <p:cNvGrpSpPr/>
          <p:nvPr/>
        </p:nvGrpSpPr>
        <p:grpSpPr>
          <a:xfrm>
            <a:off x="8755826" y="4847505"/>
            <a:ext cx="2363755" cy="257678"/>
            <a:chOff x="1757174" y="2742697"/>
            <a:chExt cx="2363755" cy="534956"/>
          </a:xfrm>
        </p:grpSpPr>
        <p:grpSp>
          <p:nvGrpSpPr>
            <p:cNvPr id="105" name="Group 104">
              <a:extLst>
                <a:ext uri="{FF2B5EF4-FFF2-40B4-BE49-F238E27FC236}">
                  <a16:creationId xmlns:a16="http://schemas.microsoft.com/office/drawing/2014/main" id="{BAB9BD03-046A-4987-B730-E1F99CBE5454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07" name="Rectangle 5">
                <a:extLst>
                  <a:ext uri="{FF2B5EF4-FFF2-40B4-BE49-F238E27FC236}">
                    <a16:creationId xmlns:a16="http://schemas.microsoft.com/office/drawing/2014/main" id="{2A2C93C9-A761-4102-80BC-B7875CEE7B5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8" name="Rectangle 6">
                <a:extLst>
                  <a:ext uri="{FF2B5EF4-FFF2-40B4-BE49-F238E27FC236}">
                    <a16:creationId xmlns:a16="http://schemas.microsoft.com/office/drawing/2014/main" id="{7CF2CE10-6B58-46AF-9D9E-8184CA380FEB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4948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06" name="Rectangle 5">
              <a:extLst>
                <a:ext uri="{FF2B5EF4-FFF2-40B4-BE49-F238E27FC236}">
                  <a16:creationId xmlns:a16="http://schemas.microsoft.com/office/drawing/2014/main" id="{19768168-92CC-4E7D-9EEE-271B882B88F0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F0A457C1-BAF5-4C6C-BB52-420E94D75FC9}"/>
              </a:ext>
            </a:extLst>
          </p:cNvPr>
          <p:cNvGrpSpPr/>
          <p:nvPr/>
        </p:nvGrpSpPr>
        <p:grpSpPr>
          <a:xfrm>
            <a:off x="8755826" y="5236348"/>
            <a:ext cx="2363755" cy="189443"/>
            <a:chOff x="1757174" y="2742697"/>
            <a:chExt cx="2363755" cy="534956"/>
          </a:xfrm>
        </p:grpSpPr>
        <p:grpSp>
          <p:nvGrpSpPr>
            <p:cNvPr id="110" name="Group 109">
              <a:extLst>
                <a:ext uri="{FF2B5EF4-FFF2-40B4-BE49-F238E27FC236}">
                  <a16:creationId xmlns:a16="http://schemas.microsoft.com/office/drawing/2014/main" id="{BFF751C7-8651-4499-BE55-E2B9A44F70E0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12" name="Rectangle 5">
                <a:extLst>
                  <a:ext uri="{FF2B5EF4-FFF2-40B4-BE49-F238E27FC236}">
                    <a16:creationId xmlns:a16="http://schemas.microsoft.com/office/drawing/2014/main" id="{09E03BF3-9BC3-4056-87FC-3BE42D1BB613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3" name="Rectangle 6">
                <a:extLst>
                  <a:ext uri="{FF2B5EF4-FFF2-40B4-BE49-F238E27FC236}">
                    <a16:creationId xmlns:a16="http://schemas.microsoft.com/office/drawing/2014/main" id="{555E553C-F428-456E-9591-37300D3DB540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4948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11" name="Rectangle 5">
              <a:extLst>
                <a:ext uri="{FF2B5EF4-FFF2-40B4-BE49-F238E27FC236}">
                  <a16:creationId xmlns:a16="http://schemas.microsoft.com/office/drawing/2014/main" id="{C6FACDB8-1587-4A19-94EB-26C65B23D70E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14" name="Group 113">
            <a:extLst>
              <a:ext uri="{FF2B5EF4-FFF2-40B4-BE49-F238E27FC236}">
                <a16:creationId xmlns:a16="http://schemas.microsoft.com/office/drawing/2014/main" id="{968C9CF5-6AE5-4B9B-B944-CFD089EBEFAD}"/>
              </a:ext>
            </a:extLst>
          </p:cNvPr>
          <p:cNvGrpSpPr/>
          <p:nvPr/>
        </p:nvGrpSpPr>
        <p:grpSpPr>
          <a:xfrm>
            <a:off x="9517379" y="5517760"/>
            <a:ext cx="1602202" cy="189443"/>
            <a:chOff x="1757174" y="2742697"/>
            <a:chExt cx="2363755" cy="534956"/>
          </a:xfrm>
        </p:grpSpPr>
        <p:grpSp>
          <p:nvGrpSpPr>
            <p:cNvPr id="115" name="Group 114">
              <a:extLst>
                <a:ext uri="{FF2B5EF4-FFF2-40B4-BE49-F238E27FC236}">
                  <a16:creationId xmlns:a16="http://schemas.microsoft.com/office/drawing/2014/main" id="{9332BEEA-B5E4-461B-8356-4C10218CE567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17" name="Rectangle 5">
                <a:extLst>
                  <a:ext uri="{FF2B5EF4-FFF2-40B4-BE49-F238E27FC236}">
                    <a16:creationId xmlns:a16="http://schemas.microsoft.com/office/drawing/2014/main" id="{4933D0EB-0F1B-433F-958E-AB1090DA7AF3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8" name="Rectangle 6">
                <a:extLst>
                  <a:ext uri="{FF2B5EF4-FFF2-40B4-BE49-F238E27FC236}">
                    <a16:creationId xmlns:a16="http://schemas.microsoft.com/office/drawing/2014/main" id="{2879D739-365C-46E0-BFC5-061F83391020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2281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16" name="Rectangle 5">
              <a:extLst>
                <a:ext uri="{FF2B5EF4-FFF2-40B4-BE49-F238E27FC236}">
                  <a16:creationId xmlns:a16="http://schemas.microsoft.com/office/drawing/2014/main" id="{CB2BF265-BC57-4307-BA47-C05A21187119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1D81B7F1-123F-4001-A89C-25AA178D77D2}"/>
              </a:ext>
            </a:extLst>
          </p:cNvPr>
          <p:cNvGrpSpPr/>
          <p:nvPr/>
        </p:nvGrpSpPr>
        <p:grpSpPr>
          <a:xfrm>
            <a:off x="10081260" y="5799095"/>
            <a:ext cx="1038321" cy="189443"/>
            <a:chOff x="1757174" y="2742697"/>
            <a:chExt cx="2363755" cy="534956"/>
          </a:xfrm>
        </p:grpSpPr>
        <p:grpSp>
          <p:nvGrpSpPr>
            <p:cNvPr id="120" name="Group 119">
              <a:extLst>
                <a:ext uri="{FF2B5EF4-FFF2-40B4-BE49-F238E27FC236}">
                  <a16:creationId xmlns:a16="http://schemas.microsoft.com/office/drawing/2014/main" id="{BD49493F-3BDA-4E9F-A11E-84D1BC2ADE3B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22" name="Rectangle 5">
                <a:extLst>
                  <a:ext uri="{FF2B5EF4-FFF2-40B4-BE49-F238E27FC236}">
                    <a16:creationId xmlns:a16="http://schemas.microsoft.com/office/drawing/2014/main" id="{1A2C4071-097C-4FAB-8D1A-8E7041CD1AE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3" name="Rectangle 6">
                <a:extLst>
                  <a:ext uri="{FF2B5EF4-FFF2-40B4-BE49-F238E27FC236}">
                    <a16:creationId xmlns:a16="http://schemas.microsoft.com/office/drawing/2014/main" id="{E8EC886F-D6EA-4C2F-A408-13E6F7698A6F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04080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21" name="Rectangle 5">
              <a:extLst>
                <a:ext uri="{FF2B5EF4-FFF2-40B4-BE49-F238E27FC236}">
                  <a16:creationId xmlns:a16="http://schemas.microsoft.com/office/drawing/2014/main" id="{3994496E-3FE1-498B-8053-D6ED9BAE4CC0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63977789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7785295" y="1224919"/>
            <a:ext cx="0" cy="1108157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7785295" y="1224919"/>
            <a:ext cx="961433" cy="411541"/>
            <a:chOff x="7785295" y="939169"/>
            <a:chExt cx="961433" cy="411541"/>
          </a:xfrm>
        </p:grpSpPr>
        <p:sp>
          <p:nvSpPr>
            <p:cNvPr id="91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10 Aug</a:t>
              </a:r>
            </a:p>
          </p:txBody>
        </p:sp>
      </p:grpSp>
      <p:cxnSp>
        <p:nvCxnSpPr>
          <p:cNvPr id="117" name="OTLSHAPE_M_9b39fefad822441faaec2498033d8bd1_Connector1">
            <a:extLst>
              <a:ext uri="{FF2B5EF4-FFF2-40B4-BE49-F238E27FC236}">
                <a16:creationId xmlns:a16="http://schemas.microsoft.com/office/drawing/2014/main" id="{B0C368CD-3708-469D-BB01-676367FC1D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4828858" y="1592619"/>
            <a:ext cx="0" cy="67591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DD74D9B4-E5FD-43A7-8A57-A500D905B762}"/>
              </a:ext>
            </a:extLst>
          </p:cNvPr>
          <p:cNvGrpSpPr/>
          <p:nvPr/>
        </p:nvGrpSpPr>
        <p:grpSpPr>
          <a:xfrm>
            <a:off x="4828858" y="1592619"/>
            <a:ext cx="961433" cy="411541"/>
            <a:chOff x="7785295" y="939169"/>
            <a:chExt cx="961433" cy="411541"/>
          </a:xfrm>
        </p:grpSpPr>
        <p:sp>
          <p:nvSpPr>
            <p:cNvPr id="119" name="OTLSHAPE_M_9b39fefad822441faaec2498033d8bd1_Shape">
              <a:extLst>
                <a:ext uri="{FF2B5EF4-FFF2-40B4-BE49-F238E27FC236}">
                  <a16:creationId xmlns:a16="http://schemas.microsoft.com/office/drawing/2014/main" id="{93132AC7-EF85-45C7-B056-56E251875F9B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D4A82C06-DAF3-44CB-B0CE-23F26C3ED464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5 Apr</a:t>
              </a:r>
            </a:p>
          </p:txBody>
        </p:sp>
      </p:grpSp>
      <p:cxnSp>
        <p:nvCxnSpPr>
          <p:cNvPr id="121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3377125" y="1338624"/>
            <a:ext cx="0" cy="99445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3377125" y="1338624"/>
            <a:ext cx="961433" cy="411541"/>
            <a:chOff x="7785295" y="939169"/>
            <a:chExt cx="961433" cy="411541"/>
          </a:xfrm>
        </p:grpSpPr>
        <p:sp>
          <p:nvSpPr>
            <p:cNvPr id="123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5 Mar</a:t>
              </a:r>
            </a:p>
          </p:txBody>
        </p:sp>
      </p:grpSp>
      <p:cxnSp>
        <p:nvCxnSpPr>
          <p:cNvPr id="125" name="OTLSHAPE_M_9b39fefad822441faaec2498033d8bd1_Connector1">
            <a:extLst>
              <a:ext uri="{FF2B5EF4-FFF2-40B4-BE49-F238E27FC236}">
                <a16:creationId xmlns:a16="http://schemas.microsoft.com/office/drawing/2014/main" id="{ED5C57A7-CB87-46E8-8EE2-62A6F3CAA186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0273458" y="1748430"/>
            <a:ext cx="0" cy="675911"/>
          </a:xfrm>
          <a:prstGeom prst="line">
            <a:avLst/>
          </a:prstGeom>
          <a:ln w="9525" cap="flat" cmpd="sng" algn="ctr">
            <a:solidFill>
              <a:srgbClr val="EB1E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D0E95AEB-03C0-4C1D-B013-DAE15E88EDD3}"/>
              </a:ext>
            </a:extLst>
          </p:cNvPr>
          <p:cNvGrpSpPr/>
          <p:nvPr/>
        </p:nvGrpSpPr>
        <p:grpSpPr>
          <a:xfrm>
            <a:off x="10273458" y="1748430"/>
            <a:ext cx="961433" cy="411541"/>
            <a:chOff x="7785295" y="939169"/>
            <a:chExt cx="961433" cy="411541"/>
          </a:xfrm>
        </p:grpSpPr>
        <p:sp>
          <p:nvSpPr>
            <p:cNvPr id="127" name="OTLSHAPE_M_9b39fefad822441faaec2498033d8bd1_Shape">
              <a:extLst>
                <a:ext uri="{FF2B5EF4-FFF2-40B4-BE49-F238E27FC236}">
                  <a16:creationId xmlns:a16="http://schemas.microsoft.com/office/drawing/2014/main" id="{412B596B-C8DF-4233-AF3C-4165BB8B813C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EB1E4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F96F72F4-CAF2-4C44-884E-6AFB3A819E17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5 Nov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Timeline for PowerPoint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/>
        </p:nvGraphicFramePr>
        <p:xfrm>
          <a:off x="1505049" y="2147656"/>
          <a:ext cx="10337796" cy="33292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1483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an</a:t>
                      </a:r>
                    </a:p>
                  </a:txBody>
                  <a:tcPr anchor="ctr"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Feb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p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y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l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ug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Sep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Oct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Nov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Dec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2958379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/>
        </p:nvGraphicFramePr>
        <p:xfrm>
          <a:off x="192190" y="2762975"/>
          <a:ext cx="1312859" cy="25958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312859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3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1925098" y="2836000"/>
            <a:ext cx="5268182" cy="22589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9B760D8-06FA-42C1-BF16-D47FDEB801E8}"/>
              </a:ext>
            </a:extLst>
          </p:cNvPr>
          <p:cNvSpPr/>
          <p:nvPr/>
        </p:nvSpPr>
        <p:spPr>
          <a:xfrm>
            <a:off x="1925097" y="3204824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0%</a:t>
            </a: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3065555" y="3573648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0%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4348400" y="3942472"/>
            <a:ext cx="284488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7193280" y="4311296"/>
            <a:ext cx="3811270" cy="22589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13018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7193280" y="4680120"/>
            <a:ext cx="1312859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7624487" y="5048942"/>
            <a:ext cx="3380063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5%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1329025" y="2836000"/>
            <a:ext cx="91440" cy="225891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1329025" y="3204824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1329025" y="3573648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1329025" y="3942472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1329025" y="4311296"/>
            <a:ext cx="91440" cy="22589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1329025" y="4680120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1329025" y="5048942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>
            <a:stCxn id="103" idx="3"/>
            <a:endCxn id="4" idx="1"/>
          </p:cNvCxnSpPr>
          <p:nvPr/>
        </p:nvCxnSpPr>
        <p:spPr>
          <a:xfrm>
            <a:off x="1420465" y="2948946"/>
            <a:ext cx="504633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>
            <a:stCxn id="104" idx="3"/>
            <a:endCxn id="96" idx="1"/>
          </p:cNvCxnSpPr>
          <p:nvPr/>
        </p:nvCxnSpPr>
        <p:spPr>
          <a:xfrm>
            <a:off x="1420465" y="3317770"/>
            <a:ext cx="50463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  <a:endCxn id="97" idx="1"/>
          </p:cNvCxnSpPr>
          <p:nvPr/>
        </p:nvCxnSpPr>
        <p:spPr>
          <a:xfrm>
            <a:off x="1420465" y="3686594"/>
            <a:ext cx="1645090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>
            <a:endCxn id="98" idx="1"/>
          </p:cNvCxnSpPr>
          <p:nvPr/>
        </p:nvCxnSpPr>
        <p:spPr>
          <a:xfrm flipV="1">
            <a:off x="1420465" y="4055418"/>
            <a:ext cx="2927935" cy="223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  <a:endCxn id="99" idx="1"/>
          </p:cNvCxnSpPr>
          <p:nvPr/>
        </p:nvCxnSpPr>
        <p:spPr>
          <a:xfrm>
            <a:off x="1420465" y="4423125"/>
            <a:ext cx="5772815" cy="1117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>
            <a:stCxn id="108" idx="3"/>
            <a:endCxn id="100" idx="1"/>
          </p:cNvCxnSpPr>
          <p:nvPr/>
        </p:nvCxnSpPr>
        <p:spPr>
          <a:xfrm>
            <a:off x="1420465" y="4793066"/>
            <a:ext cx="5772815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>
            <a:stCxn id="109" idx="3"/>
            <a:endCxn id="101" idx="1"/>
          </p:cNvCxnSpPr>
          <p:nvPr/>
        </p:nvCxnSpPr>
        <p:spPr>
          <a:xfrm>
            <a:off x="1420465" y="5161888"/>
            <a:ext cx="620402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5A2684B3-5EDC-4259-B379-7F75AD8C1ED3}"/>
              </a:ext>
            </a:extLst>
          </p:cNvPr>
          <p:cNvSpPr txBox="1"/>
          <p:nvPr/>
        </p:nvSpPr>
        <p:spPr>
          <a:xfrm>
            <a:off x="7185905" y="2825834"/>
            <a:ext cx="83631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Jul 17</a:t>
            </a:r>
          </a:p>
        </p:txBody>
      </p:sp>
      <p:sp>
        <p:nvSpPr>
          <p:cNvPr id="110" name="TextBox 109">
            <a:extLst>
              <a:ext uri="{FF2B5EF4-FFF2-40B4-BE49-F238E27FC236}">
                <a16:creationId xmlns:a16="http://schemas.microsoft.com/office/drawing/2014/main" id="{03F238DA-76E0-4FD0-81B1-13984A03B0F8}"/>
              </a:ext>
            </a:extLst>
          </p:cNvPr>
          <p:cNvSpPr txBox="1"/>
          <p:nvPr/>
        </p:nvSpPr>
        <p:spPr>
          <a:xfrm>
            <a:off x="3688400" y="3195012"/>
            <a:ext cx="913263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Mar 14</a:t>
            </a: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38223230-ECEF-4B5D-863E-20EF06565D2F}"/>
              </a:ext>
            </a:extLst>
          </p:cNvPr>
          <p:cNvSpPr txBox="1"/>
          <p:nvPr/>
        </p:nvSpPr>
        <p:spPr>
          <a:xfrm>
            <a:off x="4828858" y="3563482"/>
            <a:ext cx="970458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5 - Apr 22</a:t>
            </a: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7191751" y="3929360"/>
            <a:ext cx="85234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5 - Jul 17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7817B211-8366-4324-9C0D-482E2C94D052}"/>
              </a:ext>
            </a:extLst>
          </p:cNvPr>
          <p:cNvSpPr txBox="1"/>
          <p:nvPr/>
        </p:nvSpPr>
        <p:spPr>
          <a:xfrm>
            <a:off x="11006526" y="4300014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2 - Nov 27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0C42D947-9C00-4681-8B3F-E84852DA1D87}"/>
              </a:ext>
            </a:extLst>
          </p:cNvPr>
          <p:cNvSpPr txBox="1"/>
          <p:nvPr/>
        </p:nvSpPr>
        <p:spPr>
          <a:xfrm>
            <a:off x="8506139" y="4668988"/>
            <a:ext cx="93358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2 - Aug 19</a:t>
            </a:r>
          </a:p>
        </p:txBody>
      </p:sp>
      <p:sp>
        <p:nvSpPr>
          <p:cNvPr id="115" name="TextBox 114">
            <a:extLst>
              <a:ext uri="{FF2B5EF4-FFF2-40B4-BE49-F238E27FC236}">
                <a16:creationId xmlns:a16="http://schemas.microsoft.com/office/drawing/2014/main" id="{0C0D7143-8D52-484C-A79A-A74A67D04404}"/>
              </a:ext>
            </a:extLst>
          </p:cNvPr>
          <p:cNvSpPr txBox="1"/>
          <p:nvPr/>
        </p:nvSpPr>
        <p:spPr>
          <a:xfrm>
            <a:off x="11006526" y="5038776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 - Nov 27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722002" y="2149164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20</a:t>
            </a: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1505049" y="5824490"/>
            <a:ext cx="1194193" cy="261610"/>
            <a:chOff x="1505049" y="5824490"/>
            <a:chExt cx="1194193" cy="261610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Lorem Ipsum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7CB6EBAD-E86E-4A52-A296-86DE1DC17704}"/>
              </a:ext>
            </a:extLst>
          </p:cNvPr>
          <p:cNvGrpSpPr/>
          <p:nvPr/>
        </p:nvGrpSpPr>
        <p:grpSpPr>
          <a:xfrm>
            <a:off x="2884432" y="5824490"/>
            <a:ext cx="1194193" cy="261610"/>
            <a:chOff x="1505049" y="5824490"/>
            <a:chExt cx="1194193" cy="261610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56E75932-B719-440F-95F2-5A94F31AA10E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9CCB2F0-6EBB-4C16-86FD-CDAEC29F6C1D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Lorem Ipsum</a:t>
              </a:r>
            </a:p>
          </p:txBody>
        </p:sp>
      </p:grpSp>
      <p:grpSp>
        <p:nvGrpSpPr>
          <p:cNvPr id="138" name="Group 137">
            <a:extLst>
              <a:ext uri="{FF2B5EF4-FFF2-40B4-BE49-F238E27FC236}">
                <a16:creationId xmlns:a16="http://schemas.microsoft.com/office/drawing/2014/main" id="{31BD6B9E-EC49-4384-B93D-B76466370C3F}"/>
              </a:ext>
            </a:extLst>
          </p:cNvPr>
          <p:cNvGrpSpPr/>
          <p:nvPr/>
        </p:nvGrpSpPr>
        <p:grpSpPr>
          <a:xfrm>
            <a:off x="10731495" y="5842350"/>
            <a:ext cx="1111350" cy="261610"/>
            <a:chOff x="1505049" y="5824490"/>
            <a:chExt cx="1111350" cy="261610"/>
          </a:xfrm>
        </p:grpSpPr>
        <p:sp>
          <p:nvSpPr>
            <p:cNvPr id="139" name="Rectangle 138">
              <a:extLst>
                <a:ext uri="{FF2B5EF4-FFF2-40B4-BE49-F238E27FC236}">
                  <a16:creationId xmlns:a16="http://schemas.microsoft.com/office/drawing/2014/main" id="{E9432077-292A-4584-B937-AE5D93C0DE06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C13018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%</a:t>
              </a:r>
            </a:p>
          </p:txBody>
        </p: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5C0F854C-6B9D-45EB-94D2-D3BE0D1CA627}"/>
                </a:ext>
              </a:extLst>
            </p:cNvPr>
            <p:cNvSpPr txBox="1"/>
            <p:nvPr/>
          </p:nvSpPr>
          <p:spPr>
            <a:xfrm>
              <a:off x="1773219" y="5824490"/>
              <a:ext cx="843180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srgbClr val="C13018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omple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843022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Roadmap – Slide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2AABB0EB-82C8-A92A-0226-0E9459DC359F}"/>
              </a:ext>
            </a:extLst>
          </p:cNvPr>
          <p:cNvGraphicFramePr>
            <a:graphicFrameLocks noGrp="1"/>
          </p:cNvGraphicFramePr>
          <p:nvPr/>
        </p:nvGraphicFramePr>
        <p:xfrm>
          <a:off x="1679643" y="1215055"/>
          <a:ext cx="10084331" cy="40858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25301">
                  <a:extLst>
                    <a:ext uri="{9D8B030D-6E8A-4147-A177-3AD203B41FA5}">
                      <a16:colId xmlns:a16="http://schemas.microsoft.com/office/drawing/2014/main" val="1430332248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46958012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32152471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1326480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60929187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09009491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22046408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16099237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79943518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05863045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777309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51558852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77862634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70976865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8960447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8106631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20301136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61300272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82268074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5997939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2406316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18217043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71717169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578848001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93646563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64632460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30536130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37135161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68343626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99574803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216622119"/>
                    </a:ext>
                  </a:extLst>
                </a:gridCol>
              </a:tblGrid>
              <a:tr h="510725"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</a:t>
                      </a:r>
                    </a:p>
                  </a:txBody>
                  <a:tcPr marL="0" marR="0" anchor="ctr"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1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1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1</a:t>
                      </a:r>
                    </a:p>
                  </a:txBody>
                  <a:tcPr marL="0" marR="0" anchor="ctr"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41445805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8762682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83629091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48702712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74351780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1100231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73145213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36085488"/>
                  </a:ext>
                </a:extLst>
              </a:tr>
            </a:tbl>
          </a:graphicData>
        </a:graphic>
      </p:graphicFrame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C321F1A9-55A1-834A-A686-967D41196A07}"/>
              </a:ext>
            </a:extLst>
          </p:cNvPr>
          <p:cNvSpPr/>
          <p:nvPr/>
        </p:nvSpPr>
        <p:spPr>
          <a:xfrm>
            <a:off x="2009775" y="1942101"/>
            <a:ext cx="3611495" cy="369332"/>
          </a:xfrm>
          <a:prstGeom prst="roundRect">
            <a:avLst>
              <a:gd name="adj" fmla="val 50000"/>
            </a:avLst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70%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2F075A4-985B-ACC6-2F4C-4C6A81D4203D}"/>
              </a:ext>
            </a:extLst>
          </p:cNvPr>
          <p:cNvSpPr txBox="1"/>
          <p:nvPr/>
        </p:nvSpPr>
        <p:spPr>
          <a:xfrm>
            <a:off x="258646" y="2521232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2 Label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FAB6781-21EB-96EE-78D4-75D463FE26AA}"/>
              </a:ext>
            </a:extLst>
          </p:cNvPr>
          <p:cNvSpPr txBox="1"/>
          <p:nvPr/>
        </p:nvSpPr>
        <p:spPr>
          <a:xfrm>
            <a:off x="258646" y="3069586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3 Labe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B2BC5BE-5BFA-166C-BB51-D775E0AD289D}"/>
              </a:ext>
            </a:extLst>
          </p:cNvPr>
          <p:cNvSpPr txBox="1"/>
          <p:nvPr/>
        </p:nvSpPr>
        <p:spPr>
          <a:xfrm>
            <a:off x="258646" y="3617940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4 Label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CB38938-3A5C-CAF9-3505-CBFD63DE8306}"/>
              </a:ext>
            </a:extLst>
          </p:cNvPr>
          <p:cNvSpPr txBox="1"/>
          <p:nvPr/>
        </p:nvSpPr>
        <p:spPr>
          <a:xfrm>
            <a:off x="258646" y="4166294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5 Label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C614A93-B90E-BAEC-5D2B-E3E2DF1B6937}"/>
              </a:ext>
            </a:extLst>
          </p:cNvPr>
          <p:cNvSpPr txBox="1"/>
          <p:nvPr/>
        </p:nvSpPr>
        <p:spPr>
          <a:xfrm>
            <a:off x="258646" y="4714650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6 Label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012F448-694F-588D-04E3-2607EB3148D0}"/>
              </a:ext>
            </a:extLst>
          </p:cNvPr>
          <p:cNvSpPr txBox="1"/>
          <p:nvPr/>
        </p:nvSpPr>
        <p:spPr>
          <a:xfrm>
            <a:off x="258646" y="1972878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1 Label</a:t>
            </a: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C6D40EBD-C289-CB3A-8C37-DC5D1C1335AA}"/>
              </a:ext>
            </a:extLst>
          </p:cNvPr>
          <p:cNvSpPr/>
          <p:nvPr/>
        </p:nvSpPr>
        <p:spPr>
          <a:xfrm>
            <a:off x="2009775" y="1942101"/>
            <a:ext cx="2658995" cy="369332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63E2305D-A0DF-A03C-2232-CC3548BC1CF6}"/>
              </a:ext>
            </a:extLst>
          </p:cNvPr>
          <p:cNvSpPr/>
          <p:nvPr/>
        </p:nvSpPr>
        <p:spPr>
          <a:xfrm>
            <a:off x="2971802" y="2490455"/>
            <a:ext cx="2314574" cy="369332"/>
          </a:xfrm>
          <a:prstGeom prst="roundRect">
            <a:avLst>
              <a:gd name="adj" fmla="val 50000"/>
            </a:avLst>
          </a:prstGeom>
          <a:solidFill>
            <a:schemeClr val="accent2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62%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089E357A-BD62-BF53-9B92-E64C83AB4DBB}"/>
              </a:ext>
            </a:extLst>
          </p:cNvPr>
          <p:cNvSpPr/>
          <p:nvPr/>
        </p:nvSpPr>
        <p:spPr>
          <a:xfrm>
            <a:off x="2971801" y="2490455"/>
            <a:ext cx="1412942" cy="369332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48565831-563A-50B6-A184-EE1230CF55E9}"/>
              </a:ext>
            </a:extLst>
          </p:cNvPr>
          <p:cNvSpPr/>
          <p:nvPr/>
        </p:nvSpPr>
        <p:spPr>
          <a:xfrm>
            <a:off x="4914799" y="3038809"/>
            <a:ext cx="3914875" cy="369332"/>
          </a:xfrm>
          <a:prstGeom prst="roundRect">
            <a:avLst>
              <a:gd name="adj" fmla="val 50000"/>
            </a:avLst>
          </a:prstGeom>
          <a:solidFill>
            <a:schemeClr val="accent3">
              <a:lumMod val="7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33F5C71C-5140-CCA7-12F1-FE5340E7A757}"/>
              </a:ext>
            </a:extLst>
          </p:cNvPr>
          <p:cNvSpPr/>
          <p:nvPr/>
        </p:nvSpPr>
        <p:spPr>
          <a:xfrm>
            <a:off x="4914799" y="3038809"/>
            <a:ext cx="981176" cy="369332"/>
          </a:xfrm>
          <a:prstGeom prst="roundRect">
            <a:avLst>
              <a:gd name="adj" fmla="val 50000"/>
            </a:avLst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114B1145-9F51-D941-CFEB-11A573504601}"/>
              </a:ext>
            </a:extLst>
          </p:cNvPr>
          <p:cNvSpPr/>
          <p:nvPr/>
        </p:nvSpPr>
        <p:spPr>
          <a:xfrm>
            <a:off x="7524649" y="3587163"/>
            <a:ext cx="4239325" cy="369332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%</a:t>
            </a: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126FE4D5-A977-E3FA-4695-AC334198381A}"/>
              </a:ext>
            </a:extLst>
          </p:cNvPr>
          <p:cNvSpPr/>
          <p:nvPr/>
        </p:nvSpPr>
        <p:spPr>
          <a:xfrm>
            <a:off x="7524649" y="3587163"/>
            <a:ext cx="981176" cy="369332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9F8F4D82-0FB7-727E-D62D-77A009653A8A}"/>
              </a:ext>
            </a:extLst>
          </p:cNvPr>
          <p:cNvSpPr/>
          <p:nvPr/>
        </p:nvSpPr>
        <p:spPr>
          <a:xfrm>
            <a:off x="6562625" y="4113854"/>
            <a:ext cx="3571976" cy="369332"/>
          </a:xfrm>
          <a:prstGeom prst="roundRect">
            <a:avLst>
              <a:gd name="adj" fmla="val 50000"/>
            </a:avLst>
          </a:prstGeom>
          <a:solidFill>
            <a:schemeClr val="accent5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7378B42A-E14B-949E-7890-5B990802DDA6}"/>
              </a:ext>
            </a:extLst>
          </p:cNvPr>
          <p:cNvSpPr/>
          <p:nvPr/>
        </p:nvSpPr>
        <p:spPr>
          <a:xfrm>
            <a:off x="6562623" y="4113854"/>
            <a:ext cx="2952851" cy="369332"/>
          </a:xfrm>
          <a:prstGeom prst="roundRect">
            <a:avLst>
              <a:gd name="adj" fmla="val 50000"/>
            </a:avLst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4513FC84-07CC-249A-4F95-4CD4F0788097}"/>
              </a:ext>
            </a:extLst>
          </p:cNvPr>
          <p:cNvSpPr/>
          <p:nvPr/>
        </p:nvSpPr>
        <p:spPr>
          <a:xfrm>
            <a:off x="8829674" y="4683871"/>
            <a:ext cx="2276476" cy="369332"/>
          </a:xfrm>
          <a:prstGeom prst="roundRect">
            <a:avLst>
              <a:gd name="adj" fmla="val 50000"/>
            </a:avLst>
          </a:prstGeom>
          <a:solidFill>
            <a:schemeClr val="accent6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EC79C841-E9B0-90B2-BAEE-4421AB39561E}"/>
              </a:ext>
            </a:extLst>
          </p:cNvPr>
          <p:cNvSpPr/>
          <p:nvPr/>
        </p:nvSpPr>
        <p:spPr>
          <a:xfrm>
            <a:off x="8829674" y="4683871"/>
            <a:ext cx="685800" cy="369332"/>
          </a:xfrm>
          <a:prstGeom prst="roundRect">
            <a:avLst>
              <a:gd name="adj" fmla="val 50000"/>
            </a:avLst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B084B2A6-C6A1-FC42-DAF4-EDA4D9A11547}"/>
              </a:ext>
            </a:extLst>
          </p:cNvPr>
          <p:cNvCxnSpPr/>
          <p:nvPr/>
        </p:nvCxnSpPr>
        <p:spPr>
          <a:xfrm>
            <a:off x="9163050" y="1741746"/>
            <a:ext cx="0" cy="3559109"/>
          </a:xfrm>
          <a:prstGeom prst="line">
            <a:avLst/>
          </a:prstGeom>
          <a:ln w="19050">
            <a:headEnd type="oval"/>
            <a:tailEnd type="oval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pic>
        <p:nvPicPr>
          <p:cNvPr id="23" name="Graphic 22" descr="User with solid fill">
            <a:extLst>
              <a:ext uri="{FF2B5EF4-FFF2-40B4-BE49-F238E27FC236}">
                <a16:creationId xmlns:a16="http://schemas.microsoft.com/office/drawing/2014/main" id="{6ED80DF8-D993-EA11-2477-41ECFC2DDD1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820521" y="5804082"/>
            <a:ext cx="355508" cy="355508"/>
          </a:xfrm>
          <a:prstGeom prst="rect">
            <a:avLst/>
          </a:prstGeom>
        </p:spPr>
      </p:pic>
      <p:pic>
        <p:nvPicPr>
          <p:cNvPr id="24" name="Graphic 23" descr="Male profile with solid fill">
            <a:extLst>
              <a:ext uri="{FF2B5EF4-FFF2-40B4-BE49-F238E27FC236}">
                <a16:creationId xmlns:a16="http://schemas.microsoft.com/office/drawing/2014/main" id="{9FA9C558-87B2-9B30-E99C-9C15B842946B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850212" y="5804082"/>
            <a:ext cx="355508" cy="355508"/>
          </a:xfrm>
          <a:prstGeom prst="rect">
            <a:avLst/>
          </a:prstGeom>
        </p:spPr>
      </p:pic>
      <p:pic>
        <p:nvPicPr>
          <p:cNvPr id="25" name="Graphic 24" descr="Female Profile with solid fill">
            <a:extLst>
              <a:ext uri="{FF2B5EF4-FFF2-40B4-BE49-F238E27FC236}">
                <a16:creationId xmlns:a16="http://schemas.microsoft.com/office/drawing/2014/main" id="{6065FC55-B54F-09BB-8BCD-B86804FFA105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3879903" y="5804082"/>
            <a:ext cx="355508" cy="355508"/>
          </a:xfrm>
          <a:prstGeom prst="rect">
            <a:avLst/>
          </a:prstGeom>
        </p:spPr>
      </p:pic>
      <p:pic>
        <p:nvPicPr>
          <p:cNvPr id="26" name="Graphic 25" descr="School girl with solid fill">
            <a:extLst>
              <a:ext uri="{FF2B5EF4-FFF2-40B4-BE49-F238E27FC236}">
                <a16:creationId xmlns:a16="http://schemas.microsoft.com/office/drawing/2014/main" id="{491D96ED-0684-2F6B-9BFD-6B4E090C4368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4909594" y="5804082"/>
            <a:ext cx="355508" cy="355508"/>
          </a:xfrm>
          <a:prstGeom prst="rect">
            <a:avLst/>
          </a:prstGeom>
        </p:spPr>
      </p:pic>
      <p:pic>
        <p:nvPicPr>
          <p:cNvPr id="27" name="Graphic 26" descr="User Crown Female with solid fill">
            <a:extLst>
              <a:ext uri="{FF2B5EF4-FFF2-40B4-BE49-F238E27FC236}">
                <a16:creationId xmlns:a16="http://schemas.microsoft.com/office/drawing/2014/main" id="{3F326788-8731-2E7E-DB1D-8B24F66FEFDB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939285" y="5804082"/>
            <a:ext cx="355508" cy="355508"/>
          </a:xfrm>
          <a:prstGeom prst="rect">
            <a:avLst/>
          </a:prstGeom>
        </p:spPr>
      </p:pic>
      <p:pic>
        <p:nvPicPr>
          <p:cNvPr id="28" name="Graphic 27" descr="User Crown Male with solid fill">
            <a:extLst>
              <a:ext uri="{FF2B5EF4-FFF2-40B4-BE49-F238E27FC236}">
                <a16:creationId xmlns:a16="http://schemas.microsoft.com/office/drawing/2014/main" id="{B4E0A678-B0BE-8F96-E37C-0B7F5C4B568F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6968976" y="5804082"/>
            <a:ext cx="355508" cy="355508"/>
          </a:xfrm>
          <a:prstGeom prst="rect">
            <a:avLst/>
          </a:prstGeom>
        </p:spPr>
      </p:pic>
      <p:sp>
        <p:nvSpPr>
          <p:cNvPr id="29" name="TextBox 28">
            <a:extLst>
              <a:ext uri="{FF2B5EF4-FFF2-40B4-BE49-F238E27FC236}">
                <a16:creationId xmlns:a16="http://schemas.microsoft.com/office/drawing/2014/main" id="{D7673DE0-18F3-05AE-F88F-C1C2CFA3E362}"/>
              </a:ext>
            </a:extLst>
          </p:cNvPr>
          <p:cNvSpPr txBox="1"/>
          <p:nvPr/>
        </p:nvSpPr>
        <p:spPr>
          <a:xfrm>
            <a:off x="2180983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3961C47A-700B-2DE7-A30B-A5E277A50D8E}"/>
              </a:ext>
            </a:extLst>
          </p:cNvPr>
          <p:cNvSpPr txBox="1"/>
          <p:nvPr/>
        </p:nvSpPr>
        <p:spPr>
          <a:xfrm>
            <a:off x="3210674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FB9A0E8D-152A-06A0-1C68-15DA27556067}"/>
              </a:ext>
            </a:extLst>
          </p:cNvPr>
          <p:cNvSpPr txBox="1"/>
          <p:nvPr/>
        </p:nvSpPr>
        <p:spPr>
          <a:xfrm>
            <a:off x="4240365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D5FCBB6F-30E7-85E0-1CA7-85BF002AC9FB}"/>
              </a:ext>
            </a:extLst>
          </p:cNvPr>
          <p:cNvSpPr txBox="1"/>
          <p:nvPr/>
        </p:nvSpPr>
        <p:spPr>
          <a:xfrm>
            <a:off x="5270056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FD6C00A5-4E7C-56FF-70A3-F69DB690A812}"/>
              </a:ext>
            </a:extLst>
          </p:cNvPr>
          <p:cNvSpPr txBox="1"/>
          <p:nvPr/>
        </p:nvSpPr>
        <p:spPr>
          <a:xfrm>
            <a:off x="6299747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802631E5-362A-D633-E5CA-A835EF2825A3}"/>
              </a:ext>
            </a:extLst>
          </p:cNvPr>
          <p:cNvSpPr txBox="1"/>
          <p:nvPr/>
        </p:nvSpPr>
        <p:spPr>
          <a:xfrm>
            <a:off x="7329436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pic>
        <p:nvPicPr>
          <p:cNvPr id="35" name="Graphic 34" descr="Female Profile with solid fill">
            <a:extLst>
              <a:ext uri="{FF2B5EF4-FFF2-40B4-BE49-F238E27FC236}">
                <a16:creationId xmlns:a16="http://schemas.microsoft.com/office/drawing/2014/main" id="{25B2FE1E-C494-0F5E-B7FA-68549E72AE74}"/>
              </a:ext>
            </a:extLst>
          </p:cNvPr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2128788" y="2013472"/>
            <a:ext cx="226591" cy="226591"/>
          </a:xfrm>
          <a:prstGeom prst="rect">
            <a:avLst/>
          </a:prstGeom>
        </p:spPr>
      </p:pic>
      <p:pic>
        <p:nvPicPr>
          <p:cNvPr id="36" name="Graphic 35" descr="School girl with solid fill">
            <a:extLst>
              <a:ext uri="{FF2B5EF4-FFF2-40B4-BE49-F238E27FC236}">
                <a16:creationId xmlns:a16="http://schemas.microsoft.com/office/drawing/2014/main" id="{1CB59C56-8251-CCD2-5247-BC50D26A799A}"/>
              </a:ext>
            </a:extLst>
          </p:cNvPr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2363434" y="2013472"/>
            <a:ext cx="226591" cy="226591"/>
          </a:xfrm>
          <a:prstGeom prst="rect">
            <a:avLst/>
          </a:prstGeom>
        </p:spPr>
      </p:pic>
      <p:pic>
        <p:nvPicPr>
          <p:cNvPr id="37" name="Graphic 36" descr="User Crown Male with solid fill">
            <a:extLst>
              <a:ext uri="{FF2B5EF4-FFF2-40B4-BE49-F238E27FC236}">
                <a16:creationId xmlns:a16="http://schemas.microsoft.com/office/drawing/2014/main" id="{F03E8F37-A679-B075-F3C4-86703491AEEA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5046536" y="3110180"/>
            <a:ext cx="226591" cy="226591"/>
          </a:xfrm>
          <a:prstGeom prst="rect">
            <a:avLst/>
          </a:prstGeom>
        </p:spPr>
      </p:pic>
      <p:pic>
        <p:nvPicPr>
          <p:cNvPr id="38" name="Graphic 37" descr="User with solid fill">
            <a:extLst>
              <a:ext uri="{FF2B5EF4-FFF2-40B4-BE49-F238E27FC236}">
                <a16:creationId xmlns:a16="http://schemas.microsoft.com/office/drawing/2014/main" id="{AD0046C3-7ED9-3EE8-8506-754AC5389AE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661573" y="3658534"/>
            <a:ext cx="226591" cy="226591"/>
          </a:xfrm>
          <a:prstGeom prst="rect">
            <a:avLst/>
          </a:prstGeom>
        </p:spPr>
      </p:pic>
      <p:pic>
        <p:nvPicPr>
          <p:cNvPr id="39" name="Graphic 38" descr="Male profile with solid fill">
            <a:extLst>
              <a:ext uri="{FF2B5EF4-FFF2-40B4-BE49-F238E27FC236}">
                <a16:creationId xmlns:a16="http://schemas.microsoft.com/office/drawing/2014/main" id="{5C6BC3DB-87B8-2F4B-FD1D-4BFE64AFD5D3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888164" y="3658534"/>
            <a:ext cx="226591" cy="226591"/>
          </a:xfrm>
          <a:prstGeom prst="rect">
            <a:avLst/>
          </a:prstGeom>
        </p:spPr>
      </p:pic>
      <p:pic>
        <p:nvPicPr>
          <p:cNvPr id="40" name="Graphic 39" descr="User Crown Female with solid fill">
            <a:extLst>
              <a:ext uri="{FF2B5EF4-FFF2-40B4-BE49-F238E27FC236}">
                <a16:creationId xmlns:a16="http://schemas.microsoft.com/office/drawing/2014/main" id="{7603E0B9-925C-A92B-FC83-A2A4BDD77614}"/>
              </a:ext>
            </a:extLst>
          </p:cNvPr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6721808" y="4185225"/>
            <a:ext cx="226591" cy="226591"/>
          </a:xfrm>
          <a:prstGeom prst="rect">
            <a:avLst/>
          </a:prstGeom>
        </p:spPr>
      </p:pic>
      <p:pic>
        <p:nvPicPr>
          <p:cNvPr id="41" name="Graphic 40" descr="School girl with solid fill">
            <a:extLst>
              <a:ext uri="{FF2B5EF4-FFF2-40B4-BE49-F238E27FC236}">
                <a16:creationId xmlns:a16="http://schemas.microsoft.com/office/drawing/2014/main" id="{9ADB1BE3-7A62-945C-8569-BB94106BB2C2}"/>
              </a:ext>
            </a:extLst>
          </p:cNvPr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6956454" y="4185225"/>
            <a:ext cx="226591" cy="226591"/>
          </a:xfrm>
          <a:prstGeom prst="rect">
            <a:avLst/>
          </a:prstGeom>
        </p:spPr>
      </p:pic>
      <p:pic>
        <p:nvPicPr>
          <p:cNvPr id="42" name="Graphic 41" descr="Male profile with solid fill">
            <a:extLst>
              <a:ext uri="{FF2B5EF4-FFF2-40B4-BE49-F238E27FC236}">
                <a16:creationId xmlns:a16="http://schemas.microsoft.com/office/drawing/2014/main" id="{A130A5A3-8697-CCFC-64B7-DD75052DBD25}"/>
              </a:ext>
            </a:extLst>
          </p:cNvPr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180744" y="4185225"/>
            <a:ext cx="226591" cy="226591"/>
          </a:xfrm>
          <a:prstGeom prst="rect">
            <a:avLst/>
          </a:prstGeom>
        </p:spPr>
      </p:pic>
      <p:grpSp>
        <p:nvGrpSpPr>
          <p:cNvPr id="43" name="Group 42">
            <a:extLst>
              <a:ext uri="{FF2B5EF4-FFF2-40B4-BE49-F238E27FC236}">
                <a16:creationId xmlns:a16="http://schemas.microsoft.com/office/drawing/2014/main" id="{3D0FE85B-A09C-F5DF-1546-CD3589600F62}"/>
              </a:ext>
            </a:extLst>
          </p:cNvPr>
          <p:cNvGrpSpPr/>
          <p:nvPr/>
        </p:nvGrpSpPr>
        <p:grpSpPr>
          <a:xfrm>
            <a:off x="10259027" y="5866352"/>
            <a:ext cx="1504947" cy="293238"/>
            <a:chOff x="8991601" y="5814581"/>
            <a:chExt cx="1895474" cy="369332"/>
          </a:xfrm>
        </p:grpSpPr>
        <p:sp>
          <p:nvSpPr>
            <p:cNvPr id="44" name="Rectangle: Rounded Corners 43">
              <a:extLst>
                <a:ext uri="{FF2B5EF4-FFF2-40B4-BE49-F238E27FC236}">
                  <a16:creationId xmlns:a16="http://schemas.microsoft.com/office/drawing/2014/main" id="{6567E68D-4707-DCB1-6C71-32DCC49C8AF3}"/>
                </a:ext>
              </a:extLst>
            </p:cNvPr>
            <p:cNvSpPr/>
            <p:nvPr/>
          </p:nvSpPr>
          <p:spPr>
            <a:xfrm>
              <a:off x="8991601" y="5814581"/>
              <a:ext cx="1895474" cy="369332"/>
            </a:xfrm>
            <a:prstGeom prst="roundRect">
              <a:avLst>
                <a:gd name="adj" fmla="val 50000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5" name="Rectangle: Rounded Corners 44">
              <a:extLst>
                <a:ext uri="{FF2B5EF4-FFF2-40B4-BE49-F238E27FC236}">
                  <a16:creationId xmlns:a16="http://schemas.microsoft.com/office/drawing/2014/main" id="{A509666C-C4E3-731A-8F38-2414A6B9D134}"/>
                </a:ext>
              </a:extLst>
            </p:cNvPr>
            <p:cNvSpPr/>
            <p:nvPr/>
          </p:nvSpPr>
          <p:spPr>
            <a:xfrm>
              <a:off x="8991601" y="5814581"/>
              <a:ext cx="1009648" cy="369332"/>
            </a:xfrm>
            <a:prstGeom prst="roundRect">
              <a:avLst>
                <a:gd name="adj" fmla="val 500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mpletion</a:t>
              </a:r>
            </a:p>
          </p:txBody>
        </p:sp>
      </p:grp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920CCB8D-14E3-DD5C-ED4B-A73A88CAEAB4}"/>
              </a:ext>
            </a:extLst>
          </p:cNvPr>
          <p:cNvCxnSpPr>
            <a:stCxn id="10" idx="3"/>
            <a:endCxn id="11" idx="1"/>
          </p:cNvCxnSpPr>
          <p:nvPr/>
        </p:nvCxnSpPr>
        <p:spPr>
          <a:xfrm>
            <a:off x="1671588" y="2126767"/>
            <a:ext cx="338187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B14B0577-F432-DCF9-934B-BBEF43178852}"/>
              </a:ext>
            </a:extLst>
          </p:cNvPr>
          <p:cNvCxnSpPr>
            <a:cxnSpLocks/>
            <a:stCxn id="5" idx="3"/>
            <a:endCxn id="13" idx="1"/>
          </p:cNvCxnSpPr>
          <p:nvPr/>
        </p:nvCxnSpPr>
        <p:spPr>
          <a:xfrm>
            <a:off x="1671588" y="2675121"/>
            <a:ext cx="1300213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D029E4BF-2CB0-4AEA-D622-394B470FE0BB}"/>
              </a:ext>
            </a:extLst>
          </p:cNvPr>
          <p:cNvCxnSpPr>
            <a:cxnSpLocks/>
            <a:stCxn id="6" idx="3"/>
            <a:endCxn id="15" idx="1"/>
          </p:cNvCxnSpPr>
          <p:nvPr/>
        </p:nvCxnSpPr>
        <p:spPr>
          <a:xfrm>
            <a:off x="1671588" y="3223475"/>
            <a:ext cx="3243211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C5B3FBB4-5FB7-6763-9D52-FA49E5D67226}"/>
              </a:ext>
            </a:extLst>
          </p:cNvPr>
          <p:cNvCxnSpPr>
            <a:cxnSpLocks/>
            <a:stCxn id="7" idx="3"/>
            <a:endCxn id="17" idx="1"/>
          </p:cNvCxnSpPr>
          <p:nvPr/>
        </p:nvCxnSpPr>
        <p:spPr>
          <a:xfrm>
            <a:off x="1671588" y="3771829"/>
            <a:ext cx="5853061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22D6E0BE-4685-A569-6B5F-6BD81486A51E}"/>
              </a:ext>
            </a:extLst>
          </p:cNvPr>
          <p:cNvCxnSpPr>
            <a:cxnSpLocks/>
            <a:endCxn id="19" idx="1"/>
          </p:cNvCxnSpPr>
          <p:nvPr/>
        </p:nvCxnSpPr>
        <p:spPr>
          <a:xfrm flipV="1">
            <a:off x="1679643" y="4298520"/>
            <a:ext cx="4882980" cy="10832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EEFF3B7B-3342-BA42-F850-AD51D0794085}"/>
              </a:ext>
            </a:extLst>
          </p:cNvPr>
          <p:cNvCxnSpPr>
            <a:cxnSpLocks/>
            <a:stCxn id="9" idx="3"/>
            <a:endCxn id="21" idx="1"/>
          </p:cNvCxnSpPr>
          <p:nvPr/>
        </p:nvCxnSpPr>
        <p:spPr>
          <a:xfrm flipV="1">
            <a:off x="1671588" y="4868537"/>
            <a:ext cx="7158086" cy="2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2" name="Graphic 51" descr="User with solid fill">
            <a:extLst>
              <a:ext uri="{FF2B5EF4-FFF2-40B4-BE49-F238E27FC236}">
                <a16:creationId xmlns:a16="http://schemas.microsoft.com/office/drawing/2014/main" id="{7725874C-B74F-C08C-0049-6B260BA1A98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288698" y="2561826"/>
            <a:ext cx="226591" cy="226591"/>
          </a:xfrm>
          <a:prstGeom prst="rect">
            <a:avLst/>
          </a:prstGeom>
        </p:spPr>
      </p:pic>
      <p:pic>
        <p:nvPicPr>
          <p:cNvPr id="53" name="Graphic 52" descr="Female Profile with solid fill">
            <a:extLst>
              <a:ext uri="{FF2B5EF4-FFF2-40B4-BE49-F238E27FC236}">
                <a16:creationId xmlns:a16="http://schemas.microsoft.com/office/drawing/2014/main" id="{8DB96630-DBAD-EA40-F4C7-AECA4E0CDCAF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3099427" y="2561826"/>
            <a:ext cx="226591" cy="226591"/>
          </a:xfrm>
          <a:prstGeom prst="rect">
            <a:avLst/>
          </a:prstGeom>
        </p:spPr>
      </p:pic>
      <p:pic>
        <p:nvPicPr>
          <p:cNvPr id="54" name="Graphic 53" descr="User Crown Female with solid fill">
            <a:extLst>
              <a:ext uri="{FF2B5EF4-FFF2-40B4-BE49-F238E27FC236}">
                <a16:creationId xmlns:a16="http://schemas.microsoft.com/office/drawing/2014/main" id="{874CDFAD-5DA9-F0C9-1574-D06F3146822F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8522156" y="4755242"/>
            <a:ext cx="226591" cy="226591"/>
          </a:xfrm>
          <a:prstGeom prst="rect">
            <a:avLst/>
          </a:prstGeom>
        </p:spPr>
      </p:pic>
      <p:pic>
        <p:nvPicPr>
          <p:cNvPr id="55" name="Graphic 54" descr="School girl with solid fill">
            <a:extLst>
              <a:ext uri="{FF2B5EF4-FFF2-40B4-BE49-F238E27FC236}">
                <a16:creationId xmlns:a16="http://schemas.microsoft.com/office/drawing/2014/main" id="{4EA50A0B-A889-7963-7639-AB09E4BA57C0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8295565" y="4755242"/>
            <a:ext cx="226591" cy="226591"/>
          </a:xfrm>
          <a:prstGeom prst="rect">
            <a:avLst/>
          </a:prstGeom>
        </p:spPr>
      </p:pic>
      <p:sp>
        <p:nvSpPr>
          <p:cNvPr id="56" name="TextBox 55">
            <a:extLst>
              <a:ext uri="{FF2B5EF4-FFF2-40B4-BE49-F238E27FC236}">
                <a16:creationId xmlns:a16="http://schemas.microsoft.com/office/drawing/2014/main" id="{6438234A-5C01-0726-889B-099CF358693E}"/>
              </a:ext>
            </a:extLst>
          </p:cNvPr>
          <p:cNvSpPr txBox="1"/>
          <p:nvPr/>
        </p:nvSpPr>
        <p:spPr>
          <a:xfrm>
            <a:off x="8840436" y="5307612"/>
            <a:ext cx="664275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day</a:t>
            </a: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D2E33602-5FC4-F364-B0B3-1F927EC5436D}"/>
              </a:ext>
            </a:extLst>
          </p:cNvPr>
          <p:cNvSpPr txBox="1"/>
          <p:nvPr/>
        </p:nvSpPr>
        <p:spPr>
          <a:xfrm>
            <a:off x="258646" y="2182678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2 – Dec 12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99B471B1-2430-BC0D-ACE1-FA17A02070BF}"/>
              </a:ext>
            </a:extLst>
          </p:cNvPr>
          <p:cNvSpPr txBox="1"/>
          <p:nvPr/>
        </p:nvSpPr>
        <p:spPr>
          <a:xfrm>
            <a:off x="258646" y="2732161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5 – Dec 11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0D98D79E-4214-4728-D54A-19470BF141A1}"/>
              </a:ext>
            </a:extLst>
          </p:cNvPr>
          <p:cNvSpPr txBox="1"/>
          <p:nvPr/>
        </p:nvSpPr>
        <p:spPr>
          <a:xfrm>
            <a:off x="258646" y="3281644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1 – Dec 22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17AE9EFB-4AE6-8CA3-D3DC-6A956F2FDF99}"/>
              </a:ext>
            </a:extLst>
          </p:cNvPr>
          <p:cNvSpPr txBox="1"/>
          <p:nvPr/>
        </p:nvSpPr>
        <p:spPr>
          <a:xfrm>
            <a:off x="258646" y="3831127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9 – Dec 31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10E90837-C997-7244-0C97-D8EA6ABE3CB2}"/>
              </a:ext>
            </a:extLst>
          </p:cNvPr>
          <p:cNvSpPr txBox="1"/>
          <p:nvPr/>
        </p:nvSpPr>
        <p:spPr>
          <a:xfrm>
            <a:off x="258646" y="4380610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6 – Dec 26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039A80F1-F95C-651A-323C-ACA7EE07DD1D}"/>
              </a:ext>
            </a:extLst>
          </p:cNvPr>
          <p:cNvSpPr txBox="1"/>
          <p:nvPr/>
        </p:nvSpPr>
        <p:spPr>
          <a:xfrm>
            <a:off x="258646" y="4930092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23 – Dec 29</a:t>
            </a:r>
          </a:p>
        </p:txBody>
      </p:sp>
    </p:spTree>
    <p:extLst>
      <p:ext uri="{BB962C8B-B14F-4D97-AF65-F5344CB8AC3E}">
        <p14:creationId xmlns:p14="http://schemas.microsoft.com/office/powerpoint/2010/main" val="36498686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E5D95-B1A7-A10B-5EB5-A26C5A0AF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ll-Width Yearly Gantt Chart – Slide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A3DE4864-72EC-7826-6962-07B83402DBD5}"/>
              </a:ext>
            </a:extLst>
          </p:cNvPr>
          <p:cNvGraphicFramePr>
            <a:graphicFrameLocks noGrp="1"/>
          </p:cNvGraphicFramePr>
          <p:nvPr/>
        </p:nvGraphicFramePr>
        <p:xfrm>
          <a:off x="0" y="1083013"/>
          <a:ext cx="12191994" cy="5229324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2049294">
                  <a:extLst>
                    <a:ext uri="{9D8B030D-6E8A-4147-A177-3AD203B41FA5}">
                      <a16:colId xmlns:a16="http://schemas.microsoft.com/office/drawing/2014/main" val="361146198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028836223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020637068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123487980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87209034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46802182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3209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2286554229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908572416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1167978337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3463849895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4024176771"/>
                    </a:ext>
                  </a:extLst>
                </a:gridCol>
                <a:gridCol w="845225">
                  <a:extLst>
                    <a:ext uri="{9D8B030D-6E8A-4147-A177-3AD203B41FA5}">
                      <a16:colId xmlns:a16="http://schemas.microsoft.com/office/drawing/2014/main" val="677546083"/>
                    </a:ext>
                  </a:extLst>
                </a:gridCol>
              </a:tblGrid>
              <a:tr h="5726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Ja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Feb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3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Ma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4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Apr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5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May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6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Jun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7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Jul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8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Aug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09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Sep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10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Oct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11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Nov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bg1"/>
                          </a:solidFill>
                        </a:rPr>
                        <a:t>12</a:t>
                      </a:r>
                    </a:p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Dec</a:t>
                      </a:r>
                    </a:p>
                  </a:txBody>
                  <a:tcPr anchor="b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7699740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Project Planning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7576065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Market Research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069473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roject Scope Defini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5955343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Resource Alloc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3320179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Imple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838814538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evelopment Phas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198683174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Quality Assuranc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00899692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Compliance Checks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948960221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600" b="1" cap="all" baseline="0" dirty="0"/>
                        <a:t>Project Closure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21409016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Final Review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5298071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Documentation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66011327"/>
                  </a:ext>
                </a:extLst>
              </a:tr>
              <a:tr h="387517">
                <a:tc>
                  <a:txBody>
                    <a:bodyPr/>
                    <a:lstStyle/>
                    <a:p>
                      <a:pPr algn="r"/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Project Handover</a:t>
                      </a:r>
                    </a:p>
                  </a:txBody>
                  <a:tcPr anchor="ctr">
                    <a:lnL>
                      <a:noFill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rgbClr val="000000">
                          <a:alpha val="30196"/>
                        </a:srgb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7030130"/>
                  </a:ext>
                </a:extLst>
              </a:tr>
            </a:tbl>
          </a:graphicData>
        </a:graphic>
      </p:graphicFrame>
      <p:grpSp>
        <p:nvGrpSpPr>
          <p:cNvPr id="7" name="Group 6">
            <a:extLst>
              <a:ext uri="{FF2B5EF4-FFF2-40B4-BE49-F238E27FC236}">
                <a16:creationId xmlns:a16="http://schemas.microsoft.com/office/drawing/2014/main" id="{047F5371-1DAA-308D-64AE-0D5FE5EB6C8C}"/>
              </a:ext>
            </a:extLst>
          </p:cNvPr>
          <p:cNvGrpSpPr/>
          <p:nvPr/>
        </p:nvGrpSpPr>
        <p:grpSpPr>
          <a:xfrm>
            <a:off x="2047875" y="7352934"/>
            <a:ext cx="10144126" cy="517891"/>
            <a:chOff x="2047874" y="5667009"/>
            <a:chExt cx="11066313" cy="517891"/>
          </a:xfrm>
        </p:grpSpPr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A627D96D-8A28-73B1-D9A0-6E4C44397E25}"/>
                </a:ext>
              </a:extLst>
            </p:cNvPr>
            <p:cNvSpPr/>
            <p:nvPr/>
          </p:nvSpPr>
          <p:spPr>
            <a:xfrm>
              <a:off x="204787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95B0030-A2A3-FF42-F96C-8FFBC65AFE3E}"/>
                </a:ext>
              </a:extLst>
            </p:cNvPr>
            <p:cNvSpPr/>
            <p:nvPr/>
          </p:nvSpPr>
          <p:spPr>
            <a:xfrm>
              <a:off x="2970067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218B6767-8448-F4FA-C9CB-CD52ED92C8E1}"/>
                </a:ext>
              </a:extLst>
            </p:cNvPr>
            <p:cNvSpPr/>
            <p:nvPr/>
          </p:nvSpPr>
          <p:spPr>
            <a:xfrm>
              <a:off x="3892260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B26157F3-D976-D44D-3250-78948A048252}"/>
                </a:ext>
              </a:extLst>
            </p:cNvPr>
            <p:cNvSpPr/>
            <p:nvPr/>
          </p:nvSpPr>
          <p:spPr>
            <a:xfrm>
              <a:off x="4814453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A8B5FD87-B9A9-0BA9-013A-C84FD8B276E3}"/>
                </a:ext>
              </a:extLst>
            </p:cNvPr>
            <p:cNvSpPr/>
            <p:nvPr/>
          </p:nvSpPr>
          <p:spPr>
            <a:xfrm>
              <a:off x="5736646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848A38A4-0167-4DC2-461A-859513C58674}"/>
                </a:ext>
              </a:extLst>
            </p:cNvPr>
            <p:cNvSpPr/>
            <p:nvPr/>
          </p:nvSpPr>
          <p:spPr>
            <a:xfrm>
              <a:off x="6658839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3F84B3A1-3C7E-ACB9-3732-0F4E1CE85A93}"/>
                </a:ext>
              </a:extLst>
            </p:cNvPr>
            <p:cNvSpPr/>
            <p:nvPr/>
          </p:nvSpPr>
          <p:spPr>
            <a:xfrm>
              <a:off x="7581032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E86FB479-F3E5-A0BF-5291-3630C9214E11}"/>
                </a:ext>
              </a:extLst>
            </p:cNvPr>
            <p:cNvSpPr/>
            <p:nvPr/>
          </p:nvSpPr>
          <p:spPr>
            <a:xfrm>
              <a:off x="8503225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BD66F321-C5F0-8BD8-910F-FF7F86B1ADA3}"/>
                </a:ext>
              </a:extLst>
            </p:cNvPr>
            <p:cNvSpPr/>
            <p:nvPr/>
          </p:nvSpPr>
          <p:spPr>
            <a:xfrm>
              <a:off x="9425418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199CFDCB-8E0B-57D8-123F-DC7E340DCBFF}"/>
                </a:ext>
              </a:extLst>
            </p:cNvPr>
            <p:cNvSpPr/>
            <p:nvPr/>
          </p:nvSpPr>
          <p:spPr>
            <a:xfrm>
              <a:off x="10347611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3E7BE573-7FE0-1E09-980B-914532240242}"/>
                </a:ext>
              </a:extLst>
            </p:cNvPr>
            <p:cNvSpPr/>
            <p:nvPr/>
          </p:nvSpPr>
          <p:spPr>
            <a:xfrm>
              <a:off x="11269804" y="5667009"/>
              <a:ext cx="922193" cy="51789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565B2553-E492-F5ED-CEAF-08B6050F1670}"/>
                </a:ext>
              </a:extLst>
            </p:cNvPr>
            <p:cNvSpPr/>
            <p:nvPr/>
          </p:nvSpPr>
          <p:spPr>
            <a:xfrm>
              <a:off x="12191994" y="5667009"/>
              <a:ext cx="922193" cy="5178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2448044A-4E07-BD50-7AA3-285ADFDD5A6A}"/>
              </a:ext>
            </a:extLst>
          </p:cNvPr>
          <p:cNvSpPr/>
          <p:nvPr/>
        </p:nvSpPr>
        <p:spPr>
          <a:xfrm>
            <a:off x="2047874" y="2102423"/>
            <a:ext cx="1266825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C6068AB-3207-3A57-3B36-755B27534E81}"/>
              </a:ext>
            </a:extLst>
          </p:cNvPr>
          <p:cNvSpPr/>
          <p:nvPr/>
        </p:nvSpPr>
        <p:spPr>
          <a:xfrm>
            <a:off x="-1911490" y="1714499"/>
            <a:ext cx="1057275" cy="4591412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F3CE5B3D-6158-1300-962B-41391C9A8CD1}"/>
              </a:ext>
            </a:extLst>
          </p:cNvPr>
          <p:cNvSpPr/>
          <p:nvPr/>
        </p:nvSpPr>
        <p:spPr>
          <a:xfrm>
            <a:off x="2745044" y="2490347"/>
            <a:ext cx="464882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995916DC-F313-BBB5-E536-860EAB6BC285}"/>
              </a:ext>
            </a:extLst>
          </p:cNvPr>
          <p:cNvSpPr/>
          <p:nvPr/>
        </p:nvSpPr>
        <p:spPr>
          <a:xfrm>
            <a:off x="3314699" y="2878271"/>
            <a:ext cx="762000" cy="274320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71888B23-4EE9-8775-6E3D-6E28F0193639}"/>
              </a:ext>
            </a:extLst>
          </p:cNvPr>
          <p:cNvSpPr/>
          <p:nvPr/>
        </p:nvSpPr>
        <p:spPr>
          <a:xfrm>
            <a:off x="4076699" y="3654119"/>
            <a:ext cx="2197896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9D17CEF1-DE63-3944-6EDD-1C183F97010F}"/>
              </a:ext>
            </a:extLst>
          </p:cNvPr>
          <p:cNvSpPr/>
          <p:nvPr/>
        </p:nvSpPr>
        <p:spPr>
          <a:xfrm>
            <a:off x="6274595" y="4042043"/>
            <a:ext cx="1316830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11EC050D-84C3-B6F6-744D-938BC5178EC9}"/>
              </a:ext>
            </a:extLst>
          </p:cNvPr>
          <p:cNvSpPr/>
          <p:nvPr/>
        </p:nvSpPr>
        <p:spPr>
          <a:xfrm>
            <a:off x="7591425" y="4429967"/>
            <a:ext cx="845344" cy="27432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1A68BE5C-9C83-B121-3581-0BF4AFCA9227}"/>
              </a:ext>
            </a:extLst>
          </p:cNvPr>
          <p:cNvSpPr/>
          <p:nvPr/>
        </p:nvSpPr>
        <p:spPr>
          <a:xfrm>
            <a:off x="8436769" y="5205815"/>
            <a:ext cx="516731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925344C2-7616-FC80-52BD-1A21AFB947CE}"/>
              </a:ext>
            </a:extLst>
          </p:cNvPr>
          <p:cNvSpPr/>
          <p:nvPr/>
        </p:nvSpPr>
        <p:spPr>
          <a:xfrm>
            <a:off x="8953500" y="5593739"/>
            <a:ext cx="1219200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A4B83EF5-E981-39DE-EA89-5E25CA33A1CD}"/>
              </a:ext>
            </a:extLst>
          </p:cNvPr>
          <p:cNvSpPr/>
          <p:nvPr/>
        </p:nvSpPr>
        <p:spPr>
          <a:xfrm>
            <a:off x="10172699" y="5981658"/>
            <a:ext cx="1173957" cy="27432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212C9C7F-534F-14C6-E8E9-7BC2C38136FB}"/>
              </a:ext>
            </a:extLst>
          </p:cNvPr>
          <p:cNvSpPr/>
          <p:nvPr/>
        </p:nvSpPr>
        <p:spPr>
          <a:xfrm>
            <a:off x="2047874" y="1714499"/>
            <a:ext cx="2028825" cy="274320"/>
          </a:xfrm>
          <a:prstGeom prst="roundRect">
            <a:avLst>
              <a:gd name="adj" fmla="val 50000"/>
            </a:avLst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EF4D1D02-211F-AF7D-A3E7-AD0EB080C7AE}"/>
              </a:ext>
            </a:extLst>
          </p:cNvPr>
          <p:cNvSpPr/>
          <p:nvPr/>
        </p:nvSpPr>
        <p:spPr>
          <a:xfrm>
            <a:off x="4076699" y="3266195"/>
            <a:ext cx="4360069" cy="274320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ADDC75DE-F466-EBB1-585D-BC69E9F6DBAB}"/>
              </a:ext>
            </a:extLst>
          </p:cNvPr>
          <p:cNvSpPr/>
          <p:nvPr/>
        </p:nvSpPr>
        <p:spPr>
          <a:xfrm>
            <a:off x="8435581" y="4817891"/>
            <a:ext cx="2911075" cy="274320"/>
          </a:xfrm>
          <a:prstGeom prst="roundRect">
            <a:avLst>
              <a:gd name="adj" fmla="val 50000"/>
            </a:avLst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EBF64793-DBF7-8BBB-D81D-B272719F36C0}"/>
              </a:ext>
            </a:extLst>
          </p:cNvPr>
          <p:cNvSpPr txBox="1"/>
          <p:nvPr/>
        </p:nvSpPr>
        <p:spPr>
          <a:xfrm>
            <a:off x="4133654" y="1774714"/>
            <a:ext cx="156004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March 10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DF809A55-A7ED-78F0-8220-F850B19A6C40}"/>
              </a:ext>
            </a:extLst>
          </p:cNvPr>
          <p:cNvSpPr txBox="1"/>
          <p:nvPr/>
        </p:nvSpPr>
        <p:spPr>
          <a:xfrm>
            <a:off x="3403255" y="2162638"/>
            <a:ext cx="1475084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1 to February 15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CB391A41-DA29-DC26-C225-7B0C354A479D}"/>
              </a:ext>
            </a:extLst>
          </p:cNvPr>
          <p:cNvSpPr txBox="1"/>
          <p:nvPr/>
        </p:nvSpPr>
        <p:spPr>
          <a:xfrm>
            <a:off x="3314699" y="2550562"/>
            <a:ext cx="154080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anuary 25 to February 10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9E3C9700-4390-6F8F-0B9D-B09D1198732B}"/>
              </a:ext>
            </a:extLst>
          </p:cNvPr>
          <p:cNvSpPr txBox="1"/>
          <p:nvPr/>
        </p:nvSpPr>
        <p:spPr>
          <a:xfrm>
            <a:off x="4085102" y="2938486"/>
            <a:ext cx="147668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ebruary 16 to March 10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77606551-251E-1495-9599-F585229BDD2C}"/>
              </a:ext>
            </a:extLst>
          </p:cNvPr>
          <p:cNvSpPr txBox="1"/>
          <p:nvPr/>
        </p:nvSpPr>
        <p:spPr>
          <a:xfrm>
            <a:off x="8603560" y="3326410"/>
            <a:ext cx="157286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AE16FBE-8D15-FCF9-050E-4C8EB6C64E64}"/>
              </a:ext>
            </a:extLst>
          </p:cNvPr>
          <p:cNvSpPr txBox="1"/>
          <p:nvPr/>
        </p:nvSpPr>
        <p:spPr>
          <a:xfrm>
            <a:off x="6410773" y="3714334"/>
            <a:ext cx="1372492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rch 11 to August 15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F3155AC4-1E6F-CA07-613C-0A52C845DEB2}"/>
              </a:ext>
            </a:extLst>
          </p:cNvPr>
          <p:cNvSpPr txBox="1"/>
          <p:nvPr/>
        </p:nvSpPr>
        <p:spPr>
          <a:xfrm>
            <a:off x="7721413" y="4102258"/>
            <a:ext cx="1043876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ne 1 to July 15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A8058AE8-748E-F97A-F048-E2C77F0A6067}"/>
              </a:ext>
            </a:extLst>
          </p:cNvPr>
          <p:cNvSpPr txBox="1"/>
          <p:nvPr/>
        </p:nvSpPr>
        <p:spPr>
          <a:xfrm>
            <a:off x="8569375" y="4490182"/>
            <a:ext cx="1231427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ly 16 to August 15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AE7A8917-0AFC-1E21-24E1-C09CAC5429BE}"/>
              </a:ext>
            </a:extLst>
          </p:cNvPr>
          <p:cNvSpPr txBox="1"/>
          <p:nvPr/>
        </p:nvSpPr>
        <p:spPr>
          <a:xfrm>
            <a:off x="6551795" y="4878106"/>
            <a:ext cx="179247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all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November 3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3AA79CD5-51D9-DA23-FBFF-59E50581055A}"/>
              </a:ext>
            </a:extLst>
          </p:cNvPr>
          <p:cNvSpPr txBox="1"/>
          <p:nvPr/>
        </p:nvSpPr>
        <p:spPr>
          <a:xfrm>
            <a:off x="6797055" y="5266030"/>
            <a:ext cx="1547218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ugust 16 to September 5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03C62F43-EF23-0405-833F-C06780E168F0}"/>
              </a:ext>
            </a:extLst>
          </p:cNvPr>
          <p:cNvSpPr txBox="1"/>
          <p:nvPr/>
        </p:nvSpPr>
        <p:spPr>
          <a:xfrm>
            <a:off x="7199288" y="5653954"/>
            <a:ext cx="1611339" cy="153888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ptember 6 to October 15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96AD7D84-F184-501C-F267-FBCDC13ABE5E}"/>
              </a:ext>
            </a:extLst>
          </p:cNvPr>
          <p:cNvSpPr txBox="1"/>
          <p:nvPr/>
        </p:nvSpPr>
        <p:spPr>
          <a:xfrm>
            <a:off x="8240880" y="6034179"/>
            <a:ext cx="1794082" cy="169277"/>
          </a:xfrm>
          <a:prstGeom prst="rect">
            <a:avLst/>
          </a:prstGeom>
          <a:noFill/>
        </p:spPr>
        <p:txBody>
          <a:bodyPr wrap="none" tIns="0" bIns="0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tober 16 to November 30</a:t>
            </a:r>
          </a:p>
        </p:txBody>
      </p:sp>
    </p:spTree>
    <p:extLst>
      <p:ext uri="{BB962C8B-B14F-4D97-AF65-F5344CB8AC3E}">
        <p14:creationId xmlns:p14="http://schemas.microsoft.com/office/powerpoint/2010/main" val="219652425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9E5D95-B1A7-A10B-5EB5-A26C5A0AF4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inimalist Gantt Chart – Slide Templat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62D8C3E-D5A8-0859-49D9-1A751E066CF7}"/>
              </a:ext>
            </a:extLst>
          </p:cNvPr>
          <p:cNvSpPr/>
          <p:nvPr/>
        </p:nvSpPr>
        <p:spPr>
          <a:xfrm>
            <a:off x="3464669" y="1787293"/>
            <a:ext cx="7276289" cy="624958"/>
          </a:xfrm>
          <a:prstGeom prst="rect">
            <a:avLst/>
          </a:prstGeom>
          <a:solidFill>
            <a:schemeClr val="bg2">
              <a:lumMod val="9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393CD414-D034-97F2-2EA5-782BC8BCCA7A}"/>
              </a:ext>
            </a:extLst>
          </p:cNvPr>
          <p:cNvSpPr/>
          <p:nvPr/>
        </p:nvSpPr>
        <p:spPr>
          <a:xfrm>
            <a:off x="3464669" y="2674632"/>
            <a:ext cx="7276289" cy="624958"/>
          </a:xfrm>
          <a:prstGeom prst="rect">
            <a:avLst/>
          </a:prstGeom>
          <a:solidFill>
            <a:schemeClr val="bg2">
              <a:lumMod val="9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E8FFFF7-C99E-0689-F55F-BA2AA3BE5A09}"/>
              </a:ext>
            </a:extLst>
          </p:cNvPr>
          <p:cNvSpPr/>
          <p:nvPr/>
        </p:nvSpPr>
        <p:spPr>
          <a:xfrm>
            <a:off x="3464669" y="3561971"/>
            <a:ext cx="7276289" cy="624958"/>
          </a:xfrm>
          <a:prstGeom prst="rect">
            <a:avLst/>
          </a:prstGeom>
          <a:solidFill>
            <a:schemeClr val="bg2">
              <a:lumMod val="9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81A426B-4A0B-0350-A0E5-D220809F817F}"/>
              </a:ext>
            </a:extLst>
          </p:cNvPr>
          <p:cNvSpPr/>
          <p:nvPr/>
        </p:nvSpPr>
        <p:spPr>
          <a:xfrm>
            <a:off x="3464669" y="4449310"/>
            <a:ext cx="7276289" cy="624958"/>
          </a:xfrm>
          <a:prstGeom prst="rect">
            <a:avLst/>
          </a:prstGeom>
          <a:solidFill>
            <a:schemeClr val="bg2">
              <a:lumMod val="9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39C196B-2910-6D39-A2A6-B45AD6900741}"/>
              </a:ext>
            </a:extLst>
          </p:cNvPr>
          <p:cNvSpPr/>
          <p:nvPr/>
        </p:nvSpPr>
        <p:spPr>
          <a:xfrm>
            <a:off x="3464669" y="5336651"/>
            <a:ext cx="7276289" cy="624958"/>
          </a:xfrm>
          <a:prstGeom prst="rect">
            <a:avLst/>
          </a:prstGeom>
          <a:solidFill>
            <a:schemeClr val="bg2">
              <a:lumMod val="9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2DDD2D1-11A7-D60F-F8AD-F9F136F10BB2}"/>
              </a:ext>
            </a:extLst>
          </p:cNvPr>
          <p:cNvSpPr txBox="1"/>
          <p:nvPr/>
        </p:nvSpPr>
        <p:spPr>
          <a:xfrm>
            <a:off x="576290" y="1915106"/>
            <a:ext cx="2762166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F2F2F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ject Kickoff Meeting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3C2E636-EBD0-ABCD-4DD3-C63EC800342A}"/>
              </a:ext>
            </a:extLst>
          </p:cNvPr>
          <p:cNvSpPr txBox="1"/>
          <p:nvPr/>
        </p:nvSpPr>
        <p:spPr>
          <a:xfrm>
            <a:off x="591357" y="2802445"/>
            <a:ext cx="2747099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F2F2F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quirement Gathering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893043-473D-0164-F785-B570ABC4C4B9}"/>
              </a:ext>
            </a:extLst>
          </p:cNvPr>
          <p:cNvSpPr txBox="1"/>
          <p:nvPr/>
        </p:nvSpPr>
        <p:spPr>
          <a:xfrm>
            <a:off x="1775849" y="3689784"/>
            <a:ext cx="1562607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F2F2F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sign Phase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B8762D9-6EAF-DA4D-1561-2CEAB69B1E3C}"/>
              </a:ext>
            </a:extLst>
          </p:cNvPr>
          <p:cNvSpPr txBox="1"/>
          <p:nvPr/>
        </p:nvSpPr>
        <p:spPr>
          <a:xfrm>
            <a:off x="764481" y="4577123"/>
            <a:ext cx="2573974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F2F2F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mplementation Phas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B9DBE96A-32F8-36EC-98FF-CD70A17DFDD8}"/>
              </a:ext>
            </a:extLst>
          </p:cNvPr>
          <p:cNvSpPr txBox="1"/>
          <p:nvPr/>
        </p:nvSpPr>
        <p:spPr>
          <a:xfrm>
            <a:off x="764481" y="5325965"/>
            <a:ext cx="2573974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all" spc="0" normalizeH="0" baseline="0" noProof="0" dirty="0">
                <a:ln>
                  <a:noFill/>
                </a:ln>
                <a:solidFill>
                  <a:srgbClr val="F2F2F2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sting and Quality Assurance</a:t>
            </a:r>
          </a:p>
        </p:txBody>
      </p: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F6FCCA34-DAAF-E3CE-D46C-24E1ABF7FAFA}"/>
              </a:ext>
            </a:extLst>
          </p:cNvPr>
          <p:cNvCxnSpPr>
            <a:cxnSpLocks/>
            <a:stCxn id="31" idx="2"/>
          </p:cNvCxnSpPr>
          <p:nvPr/>
        </p:nvCxnSpPr>
        <p:spPr>
          <a:xfrm>
            <a:off x="3456563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2627849B-4863-9EB4-2A12-299694904814}"/>
              </a:ext>
            </a:extLst>
          </p:cNvPr>
          <p:cNvCxnSpPr>
            <a:cxnSpLocks/>
            <a:stCxn id="50" idx="2"/>
          </p:cNvCxnSpPr>
          <p:nvPr/>
        </p:nvCxnSpPr>
        <p:spPr>
          <a:xfrm>
            <a:off x="10740958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24204708-35BF-9DD6-C3F3-904B6879A888}"/>
              </a:ext>
            </a:extLst>
          </p:cNvPr>
          <p:cNvCxnSpPr>
            <a:cxnSpLocks/>
            <a:stCxn id="46" idx="2"/>
          </p:cNvCxnSpPr>
          <p:nvPr/>
        </p:nvCxnSpPr>
        <p:spPr>
          <a:xfrm>
            <a:off x="7102813" y="1572972"/>
            <a:ext cx="0" cy="43886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FA773005-D4B6-34B5-C27C-4E1AD1CA77C2}"/>
              </a:ext>
            </a:extLst>
          </p:cNvPr>
          <p:cNvCxnSpPr>
            <a:cxnSpLocks/>
            <a:stCxn id="45" idx="2"/>
          </p:cNvCxnSpPr>
          <p:nvPr/>
        </p:nvCxnSpPr>
        <p:spPr>
          <a:xfrm>
            <a:off x="6193277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F6C4F619-6370-2D65-6558-5CA2BE804F08}"/>
              </a:ext>
            </a:extLst>
          </p:cNvPr>
          <p:cNvCxnSpPr>
            <a:cxnSpLocks/>
            <a:stCxn id="44" idx="2"/>
          </p:cNvCxnSpPr>
          <p:nvPr/>
        </p:nvCxnSpPr>
        <p:spPr>
          <a:xfrm>
            <a:off x="5283741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DC269838-92F3-7828-3120-B9B20A3B098D}"/>
              </a:ext>
            </a:extLst>
          </p:cNvPr>
          <p:cNvCxnSpPr>
            <a:cxnSpLocks/>
            <a:stCxn id="43" idx="2"/>
          </p:cNvCxnSpPr>
          <p:nvPr/>
        </p:nvCxnSpPr>
        <p:spPr>
          <a:xfrm>
            <a:off x="4374205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30A39ADA-3687-5D53-A2EF-1FB2258923D6}"/>
              </a:ext>
            </a:extLst>
          </p:cNvPr>
          <p:cNvCxnSpPr>
            <a:cxnSpLocks/>
            <a:stCxn id="49" idx="2"/>
          </p:cNvCxnSpPr>
          <p:nvPr/>
        </p:nvCxnSpPr>
        <p:spPr>
          <a:xfrm>
            <a:off x="9831421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E2FF3353-A2DD-8328-81C6-2301F1D9F069}"/>
              </a:ext>
            </a:extLst>
          </p:cNvPr>
          <p:cNvCxnSpPr>
            <a:cxnSpLocks/>
            <a:stCxn id="48" idx="2"/>
          </p:cNvCxnSpPr>
          <p:nvPr/>
        </p:nvCxnSpPr>
        <p:spPr>
          <a:xfrm>
            <a:off x="8921885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F6C4A0A2-FEFC-59BD-1FB0-7D9E8BB32C07}"/>
              </a:ext>
            </a:extLst>
          </p:cNvPr>
          <p:cNvCxnSpPr>
            <a:cxnSpLocks/>
            <a:stCxn id="47" idx="2"/>
          </p:cNvCxnSpPr>
          <p:nvPr/>
        </p:nvCxnSpPr>
        <p:spPr>
          <a:xfrm>
            <a:off x="8012349" y="1572972"/>
            <a:ext cx="0" cy="4388637"/>
          </a:xfrm>
          <a:prstGeom prst="line">
            <a:avLst/>
          </a:prstGeom>
          <a:ln>
            <a:solidFill>
              <a:schemeClr val="bg1">
                <a:lumMod val="75000"/>
                <a:alpha val="40000"/>
              </a:schemeClr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1" name="Rectangle: Rounded Corners 30">
            <a:extLst>
              <a:ext uri="{FF2B5EF4-FFF2-40B4-BE49-F238E27FC236}">
                <a16:creationId xmlns:a16="http://schemas.microsoft.com/office/drawing/2014/main" id="{45E83209-3638-C815-9C88-1F6D15BC0578}"/>
              </a:ext>
            </a:extLst>
          </p:cNvPr>
          <p:cNvSpPr/>
          <p:nvPr/>
        </p:nvSpPr>
        <p:spPr>
          <a:xfrm>
            <a:off x="3255525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1</a:t>
            </a:r>
          </a:p>
        </p:txBody>
      </p:sp>
      <p:sp>
        <p:nvSpPr>
          <p:cNvPr id="43" name="Rectangle: Rounded Corners 42">
            <a:extLst>
              <a:ext uri="{FF2B5EF4-FFF2-40B4-BE49-F238E27FC236}">
                <a16:creationId xmlns:a16="http://schemas.microsoft.com/office/drawing/2014/main" id="{25304837-0E42-CA96-6689-DD7B65FCFBAE}"/>
              </a:ext>
            </a:extLst>
          </p:cNvPr>
          <p:cNvSpPr/>
          <p:nvPr/>
        </p:nvSpPr>
        <p:spPr>
          <a:xfrm>
            <a:off x="4173167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2</a:t>
            </a:r>
          </a:p>
        </p:txBody>
      </p:sp>
      <p:sp>
        <p:nvSpPr>
          <p:cNvPr id="44" name="Rectangle: Rounded Corners 43">
            <a:extLst>
              <a:ext uri="{FF2B5EF4-FFF2-40B4-BE49-F238E27FC236}">
                <a16:creationId xmlns:a16="http://schemas.microsoft.com/office/drawing/2014/main" id="{E76858B8-E068-3037-B948-3A6DD3E2CB99}"/>
              </a:ext>
            </a:extLst>
          </p:cNvPr>
          <p:cNvSpPr/>
          <p:nvPr/>
        </p:nvSpPr>
        <p:spPr>
          <a:xfrm>
            <a:off x="5082703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3</a:t>
            </a:r>
          </a:p>
        </p:txBody>
      </p:sp>
      <p:sp>
        <p:nvSpPr>
          <p:cNvPr id="45" name="Rectangle: Rounded Corners 44">
            <a:extLst>
              <a:ext uri="{FF2B5EF4-FFF2-40B4-BE49-F238E27FC236}">
                <a16:creationId xmlns:a16="http://schemas.microsoft.com/office/drawing/2014/main" id="{C4325044-4787-785E-0F95-03754407ABF2}"/>
              </a:ext>
            </a:extLst>
          </p:cNvPr>
          <p:cNvSpPr/>
          <p:nvPr/>
        </p:nvSpPr>
        <p:spPr>
          <a:xfrm>
            <a:off x="5992239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4</a:t>
            </a:r>
          </a:p>
        </p:txBody>
      </p:sp>
      <p:sp>
        <p:nvSpPr>
          <p:cNvPr id="46" name="Rectangle: Rounded Corners 45">
            <a:extLst>
              <a:ext uri="{FF2B5EF4-FFF2-40B4-BE49-F238E27FC236}">
                <a16:creationId xmlns:a16="http://schemas.microsoft.com/office/drawing/2014/main" id="{A69094E7-BD6E-F6FB-F1E0-BAEC0AF572E9}"/>
              </a:ext>
            </a:extLst>
          </p:cNvPr>
          <p:cNvSpPr/>
          <p:nvPr/>
        </p:nvSpPr>
        <p:spPr>
          <a:xfrm>
            <a:off x="6901775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5</a:t>
            </a:r>
          </a:p>
        </p:txBody>
      </p:sp>
      <p:sp>
        <p:nvSpPr>
          <p:cNvPr id="47" name="Rectangle: Rounded Corners 46">
            <a:extLst>
              <a:ext uri="{FF2B5EF4-FFF2-40B4-BE49-F238E27FC236}">
                <a16:creationId xmlns:a16="http://schemas.microsoft.com/office/drawing/2014/main" id="{9581B9DE-F64B-A2A2-4374-F328FBC1EE69}"/>
              </a:ext>
            </a:extLst>
          </p:cNvPr>
          <p:cNvSpPr/>
          <p:nvPr/>
        </p:nvSpPr>
        <p:spPr>
          <a:xfrm>
            <a:off x="7811311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6</a:t>
            </a:r>
          </a:p>
        </p:txBody>
      </p:sp>
      <p:sp>
        <p:nvSpPr>
          <p:cNvPr id="48" name="Rectangle: Rounded Corners 47">
            <a:extLst>
              <a:ext uri="{FF2B5EF4-FFF2-40B4-BE49-F238E27FC236}">
                <a16:creationId xmlns:a16="http://schemas.microsoft.com/office/drawing/2014/main" id="{13E0E448-7A36-72C2-A59B-417E4B99DC0C}"/>
              </a:ext>
            </a:extLst>
          </p:cNvPr>
          <p:cNvSpPr/>
          <p:nvPr/>
        </p:nvSpPr>
        <p:spPr>
          <a:xfrm>
            <a:off x="8720847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7</a:t>
            </a:r>
          </a:p>
        </p:txBody>
      </p:sp>
      <p:sp>
        <p:nvSpPr>
          <p:cNvPr id="49" name="Rectangle: Rounded Corners 48">
            <a:extLst>
              <a:ext uri="{FF2B5EF4-FFF2-40B4-BE49-F238E27FC236}">
                <a16:creationId xmlns:a16="http://schemas.microsoft.com/office/drawing/2014/main" id="{BC78126C-A2B7-32B1-D7D7-BA9974FA4385}"/>
              </a:ext>
            </a:extLst>
          </p:cNvPr>
          <p:cNvSpPr/>
          <p:nvPr/>
        </p:nvSpPr>
        <p:spPr>
          <a:xfrm>
            <a:off x="9630383" y="1238214"/>
            <a:ext cx="402076" cy="334758"/>
          </a:xfrm>
          <a:prstGeom prst="roundRect">
            <a:avLst/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8</a:t>
            </a:r>
          </a:p>
        </p:txBody>
      </p:sp>
      <p:sp>
        <p:nvSpPr>
          <p:cNvPr id="50" name="Rectangle: Rounded Corners 49">
            <a:extLst>
              <a:ext uri="{FF2B5EF4-FFF2-40B4-BE49-F238E27FC236}">
                <a16:creationId xmlns:a16="http://schemas.microsoft.com/office/drawing/2014/main" id="{2F73BBB0-EE70-A489-2E47-C99B210DF5B1}"/>
              </a:ext>
            </a:extLst>
          </p:cNvPr>
          <p:cNvSpPr/>
          <p:nvPr/>
        </p:nvSpPr>
        <p:spPr>
          <a:xfrm>
            <a:off x="10539920" y="1238214"/>
            <a:ext cx="402076" cy="334758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9</a:t>
            </a:r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A96F68BF-6020-C720-4B86-81D3D81170AC}"/>
              </a:ext>
            </a:extLst>
          </p:cNvPr>
          <p:cNvSpPr/>
          <p:nvPr/>
        </p:nvSpPr>
        <p:spPr>
          <a:xfrm>
            <a:off x="3464669" y="1787293"/>
            <a:ext cx="3177703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lena W.</a:t>
            </a:r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C1F13DAF-9311-8B2C-DCA3-62281ABE5339}"/>
              </a:ext>
            </a:extLst>
          </p:cNvPr>
          <p:cNvSpPr/>
          <p:nvPr/>
        </p:nvSpPr>
        <p:spPr>
          <a:xfrm>
            <a:off x="4820058" y="2674632"/>
            <a:ext cx="2081717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chael T.</a:t>
            </a:r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53BF638F-B682-8E21-FED4-6C3A6608B74E}"/>
              </a:ext>
            </a:extLst>
          </p:cNvPr>
          <p:cNvSpPr/>
          <p:nvPr/>
        </p:nvSpPr>
        <p:spPr>
          <a:xfrm>
            <a:off x="5747425" y="3561971"/>
            <a:ext cx="2704288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essica P.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EBC5394E-5AA2-6987-4E45-497BF599B907}"/>
              </a:ext>
            </a:extLst>
          </p:cNvPr>
          <p:cNvSpPr/>
          <p:nvPr/>
        </p:nvSpPr>
        <p:spPr>
          <a:xfrm>
            <a:off x="8012347" y="4449310"/>
            <a:ext cx="1379709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arlos E.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8434E0C8-BC48-CF0B-DBF0-4EE9ED2CE6D3}"/>
              </a:ext>
            </a:extLst>
          </p:cNvPr>
          <p:cNvSpPr/>
          <p:nvPr/>
        </p:nvSpPr>
        <p:spPr>
          <a:xfrm>
            <a:off x="8451713" y="5336651"/>
            <a:ext cx="2289245" cy="624958"/>
          </a:xfrm>
          <a:prstGeom prst="roundRect">
            <a:avLst>
              <a:gd name="adj" fmla="val 14912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Simon G.</a:t>
            </a:r>
          </a:p>
        </p:txBody>
      </p:sp>
      <p:pic>
        <p:nvPicPr>
          <p:cNvPr id="73" name="Graphic 72" descr="Magnifying glass with solid fill">
            <a:extLst>
              <a:ext uri="{FF2B5EF4-FFF2-40B4-BE49-F238E27FC236}">
                <a16:creationId xmlns:a16="http://schemas.microsoft.com/office/drawing/2014/main" id="{EA2FBBE8-C04C-1F4F-CFF7-E953DE3CD39E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552552" y="5464464"/>
            <a:ext cx="369332" cy="369332"/>
          </a:xfrm>
          <a:prstGeom prst="rect">
            <a:avLst/>
          </a:prstGeom>
        </p:spPr>
      </p:pic>
      <p:pic>
        <p:nvPicPr>
          <p:cNvPr id="75" name="Graphic 74" descr="Tools with solid fill">
            <a:extLst>
              <a:ext uri="{FF2B5EF4-FFF2-40B4-BE49-F238E27FC236}">
                <a16:creationId xmlns:a16="http://schemas.microsoft.com/office/drawing/2014/main" id="{F5207E88-6936-DBBB-38DD-FB2B021E453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563255" y="4577123"/>
            <a:ext cx="369332" cy="369332"/>
          </a:xfrm>
          <a:prstGeom prst="rect">
            <a:avLst/>
          </a:prstGeom>
        </p:spPr>
      </p:pic>
      <p:pic>
        <p:nvPicPr>
          <p:cNvPr id="77" name="Graphic 76" descr="Triangle Ruler with solid fill">
            <a:extLst>
              <a:ext uri="{FF2B5EF4-FFF2-40B4-BE49-F238E27FC236}">
                <a16:creationId xmlns:a16="http://schemas.microsoft.com/office/drawing/2014/main" id="{3090B7EF-F360-D9CF-017C-57C8A1D175CD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5911334" y="3689784"/>
            <a:ext cx="369332" cy="369332"/>
          </a:xfrm>
          <a:prstGeom prst="rect">
            <a:avLst/>
          </a:prstGeom>
        </p:spPr>
      </p:pic>
      <p:pic>
        <p:nvPicPr>
          <p:cNvPr id="79" name="Graphic 78" descr="Clipboard Checked with solid fill">
            <a:extLst>
              <a:ext uri="{FF2B5EF4-FFF2-40B4-BE49-F238E27FC236}">
                <a16:creationId xmlns:a16="http://schemas.microsoft.com/office/drawing/2014/main" id="{5ED22A05-5B82-0046-B10B-31B22A53AB3A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4914409" y="2802445"/>
            <a:ext cx="369332" cy="369332"/>
          </a:xfrm>
          <a:prstGeom prst="rect">
            <a:avLst/>
          </a:prstGeom>
        </p:spPr>
      </p:pic>
      <p:pic>
        <p:nvPicPr>
          <p:cNvPr id="81" name="Graphic 80" descr="Rocket with solid fill">
            <a:extLst>
              <a:ext uri="{FF2B5EF4-FFF2-40B4-BE49-F238E27FC236}">
                <a16:creationId xmlns:a16="http://schemas.microsoft.com/office/drawing/2014/main" id="{F52E4E11-32E8-FC9A-D793-FD04043EECD6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3590883" y="1915106"/>
            <a:ext cx="369332" cy="3693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489477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antt Chart – Slide Template</a:t>
            </a:r>
          </a:p>
        </p:txBody>
      </p:sp>
      <p:graphicFrame>
        <p:nvGraphicFramePr>
          <p:cNvPr id="33" name="Table 3">
            <a:extLst>
              <a:ext uri="{FF2B5EF4-FFF2-40B4-BE49-F238E27FC236}">
                <a16:creationId xmlns:a16="http://schemas.microsoft.com/office/drawing/2014/main" id="{E5D211B4-0F39-41F7-9651-009C4B51DBB2}"/>
              </a:ext>
            </a:extLst>
          </p:cNvPr>
          <p:cNvGraphicFramePr>
            <a:graphicFrameLocks noGrp="1"/>
          </p:cNvGraphicFramePr>
          <p:nvPr/>
        </p:nvGraphicFramePr>
        <p:xfrm>
          <a:off x="466725" y="1177290"/>
          <a:ext cx="10887076" cy="484934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57325">
                  <a:extLst>
                    <a:ext uri="{9D8B030D-6E8A-4147-A177-3AD203B41FA5}">
                      <a16:colId xmlns:a16="http://schemas.microsoft.com/office/drawing/2014/main" val="1898694509"/>
                    </a:ext>
                  </a:extLst>
                </a:gridCol>
                <a:gridCol w="719219">
                  <a:extLst>
                    <a:ext uri="{9D8B030D-6E8A-4147-A177-3AD203B41FA5}">
                      <a16:colId xmlns:a16="http://schemas.microsoft.com/office/drawing/2014/main" val="429144436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73284757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6728960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42088155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53467299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811847961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310245249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83875811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03222055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54662912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0009904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53922620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94049850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17739182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58718067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139093092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171333015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192016745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4434144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404099710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24086722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260161554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8099763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21047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79321854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620774138"/>
                    </a:ext>
                  </a:extLst>
                </a:gridCol>
                <a:gridCol w="280984">
                  <a:extLst>
                    <a:ext uri="{9D8B030D-6E8A-4147-A177-3AD203B41FA5}">
                      <a16:colId xmlns:a16="http://schemas.microsoft.com/office/drawing/2014/main" val="121394240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926810676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70756585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572202529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1470088581"/>
                    </a:ext>
                  </a:extLst>
                </a:gridCol>
                <a:gridCol w="280985">
                  <a:extLst>
                    <a:ext uri="{9D8B030D-6E8A-4147-A177-3AD203B41FA5}">
                      <a16:colId xmlns:a16="http://schemas.microsoft.com/office/drawing/2014/main" val="3759640181"/>
                    </a:ext>
                  </a:extLst>
                </a:gridCol>
              </a:tblGrid>
              <a:tr h="393172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TASK NAME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% Complete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3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4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7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0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1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3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4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7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1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0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1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2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3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4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5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6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7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8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29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30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31</a:t>
                      </a: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14988869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8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83634390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5659964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8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661881776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7668953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5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61069135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8845719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7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51980430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05095068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981406464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5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47270724"/>
                  </a:ext>
                </a:extLst>
              </a:tr>
              <a:tr h="45720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YOUR 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alpha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6396988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algn="l"/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1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2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93415889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2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10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39570897"/>
                  </a:ext>
                </a:extLst>
              </a:tr>
              <a:tr h="2804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bg1">
                              <a:lumMod val="85000"/>
                            </a:schemeClr>
                          </a:solidFill>
                        </a:rPr>
                        <a:t>|_ Sub-task #3</a:t>
                      </a:r>
                    </a:p>
                  </a:txBody>
                  <a:tcPr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5%</a:t>
                      </a: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 marL="0" marR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12867376"/>
                  </a:ext>
                </a:extLst>
              </a:tr>
            </a:tbl>
          </a:graphicData>
        </a:graphic>
      </p:graphicFrame>
      <p:grpSp>
        <p:nvGrpSpPr>
          <p:cNvPr id="34" name="Group 33">
            <a:extLst>
              <a:ext uri="{FF2B5EF4-FFF2-40B4-BE49-F238E27FC236}">
                <a16:creationId xmlns:a16="http://schemas.microsoft.com/office/drawing/2014/main" id="{62CA095B-EFD8-4206-9D47-2B7F65A98F76}"/>
              </a:ext>
            </a:extLst>
          </p:cNvPr>
          <p:cNvGrpSpPr/>
          <p:nvPr/>
        </p:nvGrpSpPr>
        <p:grpSpPr>
          <a:xfrm>
            <a:off x="3319274" y="1666372"/>
            <a:ext cx="3332986" cy="257678"/>
            <a:chOff x="1757174" y="2742697"/>
            <a:chExt cx="2363755" cy="534956"/>
          </a:xfrm>
        </p:grpSpPr>
        <p:grpSp>
          <p:nvGrpSpPr>
            <p:cNvPr id="35" name="Group 34">
              <a:extLst>
                <a:ext uri="{FF2B5EF4-FFF2-40B4-BE49-F238E27FC236}">
                  <a16:creationId xmlns:a16="http://schemas.microsoft.com/office/drawing/2014/main" id="{E17015B1-9F8C-44C6-BD5B-1D51E6565ECC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37" name="Rectangle 5">
                <a:extLst>
                  <a:ext uri="{FF2B5EF4-FFF2-40B4-BE49-F238E27FC236}">
                    <a16:creationId xmlns:a16="http://schemas.microsoft.com/office/drawing/2014/main" id="{09C16B84-57AA-49B2-8AD9-AAF3D1E67640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38" name="Rectangle 6">
                <a:extLst>
                  <a:ext uri="{FF2B5EF4-FFF2-40B4-BE49-F238E27FC236}">
                    <a16:creationId xmlns:a16="http://schemas.microsoft.com/office/drawing/2014/main" id="{35FEF633-85FF-4C8E-95B7-A8ADC4E485C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877807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36" name="Rectangle 5">
              <a:extLst>
                <a:ext uri="{FF2B5EF4-FFF2-40B4-BE49-F238E27FC236}">
                  <a16:creationId xmlns:a16="http://schemas.microsoft.com/office/drawing/2014/main" id="{241064D3-DCB2-4034-9485-15E6AD16D9CE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FA9DE18B-8845-4F97-9575-F1A788AD081B}"/>
              </a:ext>
            </a:extLst>
          </p:cNvPr>
          <p:cNvGrpSpPr/>
          <p:nvPr/>
        </p:nvGrpSpPr>
        <p:grpSpPr>
          <a:xfrm>
            <a:off x="3319274" y="2055215"/>
            <a:ext cx="2363755" cy="189443"/>
            <a:chOff x="1757174" y="2742697"/>
            <a:chExt cx="2363755" cy="534956"/>
          </a:xfrm>
        </p:grpSpPr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CC462465-93E1-497C-82B9-D280488A3B29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42" name="Rectangle 5">
                <a:extLst>
                  <a:ext uri="{FF2B5EF4-FFF2-40B4-BE49-F238E27FC236}">
                    <a16:creationId xmlns:a16="http://schemas.microsoft.com/office/drawing/2014/main" id="{08FCA7C7-AE74-4D32-A5EB-7DD85F2CF015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3" name="Rectangle 6">
                <a:extLst>
                  <a:ext uri="{FF2B5EF4-FFF2-40B4-BE49-F238E27FC236}">
                    <a16:creationId xmlns:a16="http://schemas.microsoft.com/office/drawing/2014/main" id="{049238B5-3B64-436C-BC75-16286C491D55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23637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41" name="Rectangle 5">
              <a:extLst>
                <a:ext uri="{FF2B5EF4-FFF2-40B4-BE49-F238E27FC236}">
                  <a16:creationId xmlns:a16="http://schemas.microsoft.com/office/drawing/2014/main" id="{E35C539E-0B35-4FFF-B20A-BE624A2359C7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4" name="Group 73">
            <a:extLst>
              <a:ext uri="{FF2B5EF4-FFF2-40B4-BE49-F238E27FC236}">
                <a16:creationId xmlns:a16="http://schemas.microsoft.com/office/drawing/2014/main" id="{B098C4EE-6F77-4C12-B5F1-0B07175FD74E}"/>
              </a:ext>
            </a:extLst>
          </p:cNvPr>
          <p:cNvGrpSpPr/>
          <p:nvPr/>
        </p:nvGrpSpPr>
        <p:grpSpPr>
          <a:xfrm>
            <a:off x="5271188" y="2336627"/>
            <a:ext cx="1131363" cy="189443"/>
            <a:chOff x="1757174" y="2742697"/>
            <a:chExt cx="2363755" cy="534956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BB6B8834-155E-4414-BBC2-AAA7B6A71E73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77" name="Rectangle 5">
                <a:extLst>
                  <a:ext uri="{FF2B5EF4-FFF2-40B4-BE49-F238E27FC236}">
                    <a16:creationId xmlns:a16="http://schemas.microsoft.com/office/drawing/2014/main" id="{3922B74A-5C15-4656-B400-5A5F43679657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78" name="Rectangle 6">
                <a:extLst>
                  <a:ext uri="{FF2B5EF4-FFF2-40B4-BE49-F238E27FC236}">
                    <a16:creationId xmlns:a16="http://schemas.microsoft.com/office/drawing/2014/main" id="{E5DCE40C-E602-4D2C-B47D-AD8EC50C950A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045206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76" name="Rectangle 5">
              <a:extLst>
                <a:ext uri="{FF2B5EF4-FFF2-40B4-BE49-F238E27FC236}">
                  <a16:creationId xmlns:a16="http://schemas.microsoft.com/office/drawing/2014/main" id="{403C81F1-3429-428B-A600-166DB3955311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9" name="Group 78">
            <a:extLst>
              <a:ext uri="{FF2B5EF4-FFF2-40B4-BE49-F238E27FC236}">
                <a16:creationId xmlns:a16="http://schemas.microsoft.com/office/drawing/2014/main" id="{4177D2EF-5730-47D1-A166-BDFF9B67E30B}"/>
              </a:ext>
            </a:extLst>
          </p:cNvPr>
          <p:cNvGrpSpPr/>
          <p:nvPr/>
        </p:nvGrpSpPr>
        <p:grpSpPr>
          <a:xfrm>
            <a:off x="4288505" y="2617962"/>
            <a:ext cx="2363755" cy="189443"/>
            <a:chOff x="1757174" y="2742697"/>
            <a:chExt cx="2363755" cy="534956"/>
          </a:xfrm>
        </p:grpSpPr>
        <p:grpSp>
          <p:nvGrpSpPr>
            <p:cNvPr id="80" name="Group 79">
              <a:extLst>
                <a:ext uri="{FF2B5EF4-FFF2-40B4-BE49-F238E27FC236}">
                  <a16:creationId xmlns:a16="http://schemas.microsoft.com/office/drawing/2014/main" id="{2A232F7C-3A28-449A-A879-3F6A5328E880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82" name="Rectangle 5">
                <a:extLst>
                  <a:ext uri="{FF2B5EF4-FFF2-40B4-BE49-F238E27FC236}">
                    <a16:creationId xmlns:a16="http://schemas.microsoft.com/office/drawing/2014/main" id="{B6EFB7A3-7566-4F11-9C5C-E0EE3842CA3F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3" name="Rectangle 6">
                <a:extLst>
                  <a:ext uri="{FF2B5EF4-FFF2-40B4-BE49-F238E27FC236}">
                    <a16:creationId xmlns:a16="http://schemas.microsoft.com/office/drawing/2014/main" id="{3AFD5318-FEED-4666-B9BC-82234571C98E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678549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81" name="Rectangle 5">
              <a:extLst>
                <a:ext uri="{FF2B5EF4-FFF2-40B4-BE49-F238E27FC236}">
                  <a16:creationId xmlns:a16="http://schemas.microsoft.com/office/drawing/2014/main" id="{57518873-9D13-43E1-95BE-21405C472C79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4D2FA6DE-3321-499D-A0A9-D71A4174A7FB}"/>
              </a:ext>
            </a:extLst>
          </p:cNvPr>
          <p:cNvGrpSpPr/>
          <p:nvPr/>
        </p:nvGrpSpPr>
        <p:grpSpPr>
          <a:xfrm>
            <a:off x="4828986" y="3271114"/>
            <a:ext cx="3804474" cy="257678"/>
            <a:chOff x="1757174" y="2742697"/>
            <a:chExt cx="2363755" cy="534956"/>
          </a:xfrm>
        </p:grpSpPr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14681B9A-FDA3-4498-A9F8-CE1B2B9E7B9D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87" name="Rectangle 5">
                <a:extLst>
                  <a:ext uri="{FF2B5EF4-FFF2-40B4-BE49-F238E27FC236}">
                    <a16:creationId xmlns:a16="http://schemas.microsoft.com/office/drawing/2014/main" id="{D3808027-06AC-466D-8C1C-3923A2B9BED6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8" name="Rectangle 6">
                <a:extLst>
                  <a:ext uri="{FF2B5EF4-FFF2-40B4-BE49-F238E27FC236}">
                    <a16:creationId xmlns:a16="http://schemas.microsoft.com/office/drawing/2014/main" id="{9F97E7F5-69AC-41A5-A892-F092C763F7CD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1677269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86" name="Rectangle 5">
              <a:extLst>
                <a:ext uri="{FF2B5EF4-FFF2-40B4-BE49-F238E27FC236}">
                  <a16:creationId xmlns:a16="http://schemas.microsoft.com/office/drawing/2014/main" id="{FA6616EA-E2A4-4AFD-B4EB-ED51C568DF42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89" name="Group 88">
            <a:extLst>
              <a:ext uri="{FF2B5EF4-FFF2-40B4-BE49-F238E27FC236}">
                <a16:creationId xmlns:a16="http://schemas.microsoft.com/office/drawing/2014/main" id="{716D141F-8CB2-4DD3-9077-FF3776BB73CD}"/>
              </a:ext>
            </a:extLst>
          </p:cNvPr>
          <p:cNvGrpSpPr/>
          <p:nvPr/>
        </p:nvGrpSpPr>
        <p:grpSpPr>
          <a:xfrm>
            <a:off x="4828986" y="3659957"/>
            <a:ext cx="2363755" cy="189443"/>
            <a:chOff x="1757174" y="2742697"/>
            <a:chExt cx="2363755" cy="534956"/>
          </a:xfrm>
        </p:grpSpPr>
        <p:grpSp>
          <p:nvGrpSpPr>
            <p:cNvPr id="90" name="Group 89">
              <a:extLst>
                <a:ext uri="{FF2B5EF4-FFF2-40B4-BE49-F238E27FC236}">
                  <a16:creationId xmlns:a16="http://schemas.microsoft.com/office/drawing/2014/main" id="{AD46CDA6-4706-44F7-B661-065D4CCEF3D7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92" name="Rectangle 5">
                <a:extLst>
                  <a:ext uri="{FF2B5EF4-FFF2-40B4-BE49-F238E27FC236}">
                    <a16:creationId xmlns:a16="http://schemas.microsoft.com/office/drawing/2014/main" id="{F62B223B-C44C-4671-92E7-DD22F6501560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3" name="Rectangle 6">
                <a:extLst>
                  <a:ext uri="{FF2B5EF4-FFF2-40B4-BE49-F238E27FC236}">
                    <a16:creationId xmlns:a16="http://schemas.microsoft.com/office/drawing/2014/main" id="{C3106DA2-A8A7-4010-9EE1-90E3EEB34DDA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706412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91" name="Rectangle 5">
              <a:extLst>
                <a:ext uri="{FF2B5EF4-FFF2-40B4-BE49-F238E27FC236}">
                  <a16:creationId xmlns:a16="http://schemas.microsoft.com/office/drawing/2014/main" id="{97345345-40C5-435F-A25A-B53F027E296D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94" name="Group 93">
            <a:extLst>
              <a:ext uri="{FF2B5EF4-FFF2-40B4-BE49-F238E27FC236}">
                <a16:creationId xmlns:a16="http://schemas.microsoft.com/office/drawing/2014/main" id="{CE78B826-D4D6-4E8C-A0B0-054556BFB465}"/>
              </a:ext>
            </a:extLst>
          </p:cNvPr>
          <p:cNvGrpSpPr/>
          <p:nvPr/>
        </p:nvGrpSpPr>
        <p:grpSpPr>
          <a:xfrm>
            <a:off x="6599861" y="3941369"/>
            <a:ext cx="1417550" cy="189443"/>
            <a:chOff x="1757174" y="2742697"/>
            <a:chExt cx="2363755" cy="534956"/>
          </a:xfrm>
        </p:grpSpPr>
        <p:grpSp>
          <p:nvGrpSpPr>
            <p:cNvPr id="95" name="Group 94">
              <a:extLst>
                <a:ext uri="{FF2B5EF4-FFF2-40B4-BE49-F238E27FC236}">
                  <a16:creationId xmlns:a16="http://schemas.microsoft.com/office/drawing/2014/main" id="{352156D1-5FDF-40C4-A37B-52ED09F02949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97" name="Rectangle 5">
                <a:extLst>
                  <a:ext uri="{FF2B5EF4-FFF2-40B4-BE49-F238E27FC236}">
                    <a16:creationId xmlns:a16="http://schemas.microsoft.com/office/drawing/2014/main" id="{859D52B3-8BF9-46A9-A0AD-E27AA3829E06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8" name="Rectangle 6">
                <a:extLst>
                  <a:ext uri="{FF2B5EF4-FFF2-40B4-BE49-F238E27FC236}">
                    <a16:creationId xmlns:a16="http://schemas.microsoft.com/office/drawing/2014/main" id="{5A63F4D6-7B41-437B-A96C-DA0A26D89DE8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32213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96" name="Rectangle 5">
              <a:extLst>
                <a:ext uri="{FF2B5EF4-FFF2-40B4-BE49-F238E27FC236}">
                  <a16:creationId xmlns:a16="http://schemas.microsoft.com/office/drawing/2014/main" id="{AC407806-E812-4DD3-B254-188287F1846B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99" name="Group 98">
            <a:extLst>
              <a:ext uri="{FF2B5EF4-FFF2-40B4-BE49-F238E27FC236}">
                <a16:creationId xmlns:a16="http://schemas.microsoft.com/office/drawing/2014/main" id="{B9F70937-2297-4048-B564-A04AF6AFCBD3}"/>
              </a:ext>
            </a:extLst>
          </p:cNvPr>
          <p:cNvGrpSpPr/>
          <p:nvPr/>
        </p:nvGrpSpPr>
        <p:grpSpPr>
          <a:xfrm>
            <a:off x="6269705" y="4222704"/>
            <a:ext cx="2363755" cy="189443"/>
            <a:chOff x="1757174" y="2742697"/>
            <a:chExt cx="2363755" cy="534956"/>
          </a:xfrm>
        </p:grpSpPr>
        <p:grpSp>
          <p:nvGrpSpPr>
            <p:cNvPr id="100" name="Group 99">
              <a:extLst>
                <a:ext uri="{FF2B5EF4-FFF2-40B4-BE49-F238E27FC236}">
                  <a16:creationId xmlns:a16="http://schemas.microsoft.com/office/drawing/2014/main" id="{74EF61BA-5B39-44F3-A88D-AC4170D34FF2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02" name="Rectangle 5">
                <a:extLst>
                  <a:ext uri="{FF2B5EF4-FFF2-40B4-BE49-F238E27FC236}">
                    <a16:creationId xmlns:a16="http://schemas.microsoft.com/office/drawing/2014/main" id="{52F67F1C-F743-4140-93C7-B3C8B0C63AB7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3" name="Rectangle 6">
                <a:extLst>
                  <a:ext uri="{FF2B5EF4-FFF2-40B4-BE49-F238E27FC236}">
                    <a16:creationId xmlns:a16="http://schemas.microsoft.com/office/drawing/2014/main" id="{ABBD33E5-4529-4C25-86BE-04E7A43EC271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65693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01" name="Rectangle 5">
              <a:extLst>
                <a:ext uri="{FF2B5EF4-FFF2-40B4-BE49-F238E27FC236}">
                  <a16:creationId xmlns:a16="http://schemas.microsoft.com/office/drawing/2014/main" id="{6442BDE5-F92A-4875-91E0-41E0E1A45FF3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04" name="Group 103">
            <a:extLst>
              <a:ext uri="{FF2B5EF4-FFF2-40B4-BE49-F238E27FC236}">
                <a16:creationId xmlns:a16="http://schemas.microsoft.com/office/drawing/2014/main" id="{66A7E704-59E6-4DF0-9DD3-42C1B8453848}"/>
              </a:ext>
            </a:extLst>
          </p:cNvPr>
          <p:cNvGrpSpPr/>
          <p:nvPr/>
        </p:nvGrpSpPr>
        <p:grpSpPr>
          <a:xfrm>
            <a:off x="8755826" y="4847505"/>
            <a:ext cx="2363755" cy="257678"/>
            <a:chOff x="1757174" y="2742697"/>
            <a:chExt cx="2363755" cy="534956"/>
          </a:xfrm>
        </p:grpSpPr>
        <p:grpSp>
          <p:nvGrpSpPr>
            <p:cNvPr id="105" name="Group 104">
              <a:extLst>
                <a:ext uri="{FF2B5EF4-FFF2-40B4-BE49-F238E27FC236}">
                  <a16:creationId xmlns:a16="http://schemas.microsoft.com/office/drawing/2014/main" id="{BAB9BD03-046A-4987-B730-E1F99CBE5454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07" name="Rectangle 5">
                <a:extLst>
                  <a:ext uri="{FF2B5EF4-FFF2-40B4-BE49-F238E27FC236}">
                    <a16:creationId xmlns:a16="http://schemas.microsoft.com/office/drawing/2014/main" id="{2A2C93C9-A761-4102-80BC-B7875CEE7B5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8" name="Rectangle 6">
                <a:extLst>
                  <a:ext uri="{FF2B5EF4-FFF2-40B4-BE49-F238E27FC236}">
                    <a16:creationId xmlns:a16="http://schemas.microsoft.com/office/drawing/2014/main" id="{7CF2CE10-6B58-46AF-9D9E-8184CA380FEB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4948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06" name="Rectangle 5">
              <a:extLst>
                <a:ext uri="{FF2B5EF4-FFF2-40B4-BE49-F238E27FC236}">
                  <a16:creationId xmlns:a16="http://schemas.microsoft.com/office/drawing/2014/main" id="{19768168-92CC-4E7D-9EEE-271B882B88F0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F0A457C1-BAF5-4C6C-BB52-420E94D75FC9}"/>
              </a:ext>
            </a:extLst>
          </p:cNvPr>
          <p:cNvGrpSpPr/>
          <p:nvPr/>
        </p:nvGrpSpPr>
        <p:grpSpPr>
          <a:xfrm>
            <a:off x="8755826" y="5236348"/>
            <a:ext cx="2363755" cy="189443"/>
            <a:chOff x="1757174" y="2742697"/>
            <a:chExt cx="2363755" cy="534956"/>
          </a:xfrm>
        </p:grpSpPr>
        <p:grpSp>
          <p:nvGrpSpPr>
            <p:cNvPr id="110" name="Group 109">
              <a:extLst>
                <a:ext uri="{FF2B5EF4-FFF2-40B4-BE49-F238E27FC236}">
                  <a16:creationId xmlns:a16="http://schemas.microsoft.com/office/drawing/2014/main" id="{BFF751C7-8651-4499-BE55-E2B9A44F70E0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12" name="Rectangle 5">
                <a:extLst>
                  <a:ext uri="{FF2B5EF4-FFF2-40B4-BE49-F238E27FC236}">
                    <a16:creationId xmlns:a16="http://schemas.microsoft.com/office/drawing/2014/main" id="{09E03BF3-9BC3-4056-87FC-3BE42D1BB613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3" name="Rectangle 6">
                <a:extLst>
                  <a:ext uri="{FF2B5EF4-FFF2-40B4-BE49-F238E27FC236}">
                    <a16:creationId xmlns:a16="http://schemas.microsoft.com/office/drawing/2014/main" id="{555E553C-F428-456E-9591-37300D3DB540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4948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11" name="Rectangle 5">
              <a:extLst>
                <a:ext uri="{FF2B5EF4-FFF2-40B4-BE49-F238E27FC236}">
                  <a16:creationId xmlns:a16="http://schemas.microsoft.com/office/drawing/2014/main" id="{C6FACDB8-1587-4A19-94EB-26C65B23D70E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14" name="Group 113">
            <a:extLst>
              <a:ext uri="{FF2B5EF4-FFF2-40B4-BE49-F238E27FC236}">
                <a16:creationId xmlns:a16="http://schemas.microsoft.com/office/drawing/2014/main" id="{968C9CF5-6AE5-4B9B-B944-CFD089EBEFAD}"/>
              </a:ext>
            </a:extLst>
          </p:cNvPr>
          <p:cNvGrpSpPr/>
          <p:nvPr/>
        </p:nvGrpSpPr>
        <p:grpSpPr>
          <a:xfrm>
            <a:off x="9517379" y="5517760"/>
            <a:ext cx="1602202" cy="189443"/>
            <a:chOff x="1757174" y="2742697"/>
            <a:chExt cx="2363755" cy="534956"/>
          </a:xfrm>
        </p:grpSpPr>
        <p:grpSp>
          <p:nvGrpSpPr>
            <p:cNvPr id="115" name="Group 114">
              <a:extLst>
                <a:ext uri="{FF2B5EF4-FFF2-40B4-BE49-F238E27FC236}">
                  <a16:creationId xmlns:a16="http://schemas.microsoft.com/office/drawing/2014/main" id="{9332BEEA-B5E4-461B-8356-4C10218CE567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17" name="Rectangle 5">
                <a:extLst>
                  <a:ext uri="{FF2B5EF4-FFF2-40B4-BE49-F238E27FC236}">
                    <a16:creationId xmlns:a16="http://schemas.microsoft.com/office/drawing/2014/main" id="{4933D0EB-0F1B-433F-958E-AB1090DA7AF3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8" name="Rectangle 6">
                <a:extLst>
                  <a:ext uri="{FF2B5EF4-FFF2-40B4-BE49-F238E27FC236}">
                    <a16:creationId xmlns:a16="http://schemas.microsoft.com/office/drawing/2014/main" id="{2879D739-365C-46E0-BFC5-061F83391020}"/>
                  </a:ext>
                </a:extLst>
              </p:cNvPr>
              <p:cNvSpPr/>
              <p:nvPr/>
            </p:nvSpPr>
            <p:spPr>
              <a:xfrm>
                <a:off x="1716834" y="1835020"/>
                <a:ext cx="228154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16" name="Rectangle 5">
              <a:extLst>
                <a:ext uri="{FF2B5EF4-FFF2-40B4-BE49-F238E27FC236}">
                  <a16:creationId xmlns:a16="http://schemas.microsoft.com/office/drawing/2014/main" id="{CB2BF265-BC57-4307-BA47-C05A21187119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1D81B7F1-123F-4001-A89C-25AA178D77D2}"/>
              </a:ext>
            </a:extLst>
          </p:cNvPr>
          <p:cNvGrpSpPr/>
          <p:nvPr/>
        </p:nvGrpSpPr>
        <p:grpSpPr>
          <a:xfrm>
            <a:off x="10081260" y="5799095"/>
            <a:ext cx="1038321" cy="189443"/>
            <a:chOff x="1757174" y="2742697"/>
            <a:chExt cx="2363755" cy="534956"/>
          </a:xfrm>
        </p:grpSpPr>
        <p:grpSp>
          <p:nvGrpSpPr>
            <p:cNvPr id="120" name="Group 119">
              <a:extLst>
                <a:ext uri="{FF2B5EF4-FFF2-40B4-BE49-F238E27FC236}">
                  <a16:creationId xmlns:a16="http://schemas.microsoft.com/office/drawing/2014/main" id="{BD49493F-3BDA-4E9F-A11E-84D1BC2ADE3B}"/>
                </a:ext>
              </a:extLst>
            </p:cNvPr>
            <p:cNvGrpSpPr/>
            <p:nvPr/>
          </p:nvGrpSpPr>
          <p:grpSpPr>
            <a:xfrm>
              <a:off x="1757174" y="2742697"/>
              <a:ext cx="2363755" cy="534956"/>
              <a:chOff x="1716833" y="1835020"/>
              <a:chExt cx="2363755" cy="534956"/>
            </a:xfrm>
          </p:grpSpPr>
          <p:sp>
            <p:nvSpPr>
              <p:cNvPr id="122" name="Rectangle 5">
                <a:extLst>
                  <a:ext uri="{FF2B5EF4-FFF2-40B4-BE49-F238E27FC236}">
                    <a16:creationId xmlns:a16="http://schemas.microsoft.com/office/drawing/2014/main" id="{1A2C4071-097C-4FAB-8D1A-8E7041CD1AE2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2363755" cy="534956"/>
              </a:xfrm>
              <a:prstGeom prst="roundRect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3" name="Rectangle 6">
                <a:extLst>
                  <a:ext uri="{FF2B5EF4-FFF2-40B4-BE49-F238E27FC236}">
                    <a16:creationId xmlns:a16="http://schemas.microsoft.com/office/drawing/2014/main" id="{E8EC886F-D6EA-4C2F-A408-13E6F7698A6F}"/>
                  </a:ext>
                </a:extLst>
              </p:cNvPr>
              <p:cNvSpPr/>
              <p:nvPr/>
            </p:nvSpPr>
            <p:spPr>
              <a:xfrm>
                <a:off x="1716833" y="1835020"/>
                <a:ext cx="104080" cy="534956"/>
              </a:xfrm>
              <a:prstGeom prst="roundRect">
                <a:avLst/>
              </a:prstGeom>
              <a:solidFill>
                <a:schemeClr val="tx1">
                  <a:alpha val="5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21" name="Rectangle 5">
              <a:extLst>
                <a:ext uri="{FF2B5EF4-FFF2-40B4-BE49-F238E27FC236}">
                  <a16:creationId xmlns:a16="http://schemas.microsoft.com/office/drawing/2014/main" id="{3994496E-3FE1-498B-8053-D6ED9BAE4CC0}"/>
                </a:ext>
              </a:extLst>
            </p:cNvPr>
            <p:cNvSpPr/>
            <p:nvPr/>
          </p:nvSpPr>
          <p:spPr>
            <a:xfrm>
              <a:off x="1840051" y="2794520"/>
              <a:ext cx="2197999" cy="130215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66381885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7785295" y="1224919"/>
            <a:ext cx="0" cy="1108157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7785295" y="1224919"/>
            <a:ext cx="961433" cy="411541"/>
            <a:chOff x="7785295" y="939169"/>
            <a:chExt cx="961433" cy="411541"/>
          </a:xfrm>
        </p:grpSpPr>
        <p:sp>
          <p:nvSpPr>
            <p:cNvPr id="91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10 Aug</a:t>
              </a:r>
            </a:p>
          </p:txBody>
        </p:sp>
      </p:grpSp>
      <p:cxnSp>
        <p:nvCxnSpPr>
          <p:cNvPr id="117" name="OTLSHAPE_M_9b39fefad822441faaec2498033d8bd1_Connector1">
            <a:extLst>
              <a:ext uri="{FF2B5EF4-FFF2-40B4-BE49-F238E27FC236}">
                <a16:creationId xmlns:a16="http://schemas.microsoft.com/office/drawing/2014/main" id="{B0C368CD-3708-469D-BB01-676367FC1D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4828858" y="1592619"/>
            <a:ext cx="0" cy="67591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DD74D9B4-E5FD-43A7-8A57-A500D905B762}"/>
              </a:ext>
            </a:extLst>
          </p:cNvPr>
          <p:cNvGrpSpPr/>
          <p:nvPr/>
        </p:nvGrpSpPr>
        <p:grpSpPr>
          <a:xfrm>
            <a:off x="4828858" y="1592619"/>
            <a:ext cx="961433" cy="411541"/>
            <a:chOff x="7785295" y="939169"/>
            <a:chExt cx="961433" cy="411541"/>
          </a:xfrm>
        </p:grpSpPr>
        <p:sp>
          <p:nvSpPr>
            <p:cNvPr id="119" name="OTLSHAPE_M_9b39fefad822441faaec2498033d8bd1_Shape">
              <a:extLst>
                <a:ext uri="{FF2B5EF4-FFF2-40B4-BE49-F238E27FC236}">
                  <a16:creationId xmlns:a16="http://schemas.microsoft.com/office/drawing/2014/main" id="{93132AC7-EF85-45C7-B056-56E251875F9B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D4A82C06-DAF3-44CB-B0CE-23F26C3ED464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5 Apr</a:t>
              </a:r>
            </a:p>
          </p:txBody>
        </p:sp>
      </p:grpSp>
      <p:cxnSp>
        <p:nvCxnSpPr>
          <p:cNvPr id="121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3377125" y="1338624"/>
            <a:ext cx="0" cy="99445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3377125" y="1338624"/>
            <a:ext cx="961433" cy="411541"/>
            <a:chOff x="7785295" y="939169"/>
            <a:chExt cx="961433" cy="411541"/>
          </a:xfrm>
        </p:grpSpPr>
        <p:sp>
          <p:nvSpPr>
            <p:cNvPr id="123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5 Mar</a:t>
              </a:r>
            </a:p>
          </p:txBody>
        </p:sp>
      </p:grpSp>
      <p:cxnSp>
        <p:nvCxnSpPr>
          <p:cNvPr id="125" name="OTLSHAPE_M_9b39fefad822441faaec2498033d8bd1_Connector1">
            <a:extLst>
              <a:ext uri="{FF2B5EF4-FFF2-40B4-BE49-F238E27FC236}">
                <a16:creationId xmlns:a16="http://schemas.microsoft.com/office/drawing/2014/main" id="{ED5C57A7-CB87-46E8-8EE2-62A6F3CAA186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0273458" y="1748430"/>
            <a:ext cx="0" cy="675911"/>
          </a:xfrm>
          <a:prstGeom prst="line">
            <a:avLst/>
          </a:prstGeom>
          <a:ln w="9525" cap="flat" cmpd="sng" algn="ctr">
            <a:solidFill>
              <a:srgbClr val="EB1E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D0E95AEB-03C0-4C1D-B013-DAE15E88EDD3}"/>
              </a:ext>
            </a:extLst>
          </p:cNvPr>
          <p:cNvGrpSpPr/>
          <p:nvPr/>
        </p:nvGrpSpPr>
        <p:grpSpPr>
          <a:xfrm>
            <a:off x="10273458" y="1748430"/>
            <a:ext cx="961433" cy="411541"/>
            <a:chOff x="7785295" y="939169"/>
            <a:chExt cx="961433" cy="411541"/>
          </a:xfrm>
        </p:grpSpPr>
        <p:sp>
          <p:nvSpPr>
            <p:cNvPr id="127" name="OTLSHAPE_M_9b39fefad822441faaec2498033d8bd1_Shape">
              <a:extLst>
                <a:ext uri="{FF2B5EF4-FFF2-40B4-BE49-F238E27FC236}">
                  <a16:creationId xmlns:a16="http://schemas.microsoft.com/office/drawing/2014/main" id="{412B596B-C8DF-4233-AF3C-4165BB8B813C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EB1E4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F96F72F4-CAF2-4C44-884E-6AFB3A819E17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ileston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5 Nov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Timeline for PowerPoint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/>
        </p:nvGraphicFramePr>
        <p:xfrm>
          <a:off x="1505049" y="2147656"/>
          <a:ext cx="10337796" cy="33292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1483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a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Feb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Ma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Ap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May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u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ul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Aug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Sep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Oct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Nov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Dec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2958379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/>
        </p:nvGraphicFramePr>
        <p:xfrm>
          <a:off x="192190" y="2762975"/>
          <a:ext cx="1312859" cy="25958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312859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3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1925098" y="2836000"/>
            <a:ext cx="5268182" cy="22589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9B760D8-06FA-42C1-BF16-D47FDEB801E8}"/>
              </a:ext>
            </a:extLst>
          </p:cNvPr>
          <p:cNvSpPr/>
          <p:nvPr/>
        </p:nvSpPr>
        <p:spPr>
          <a:xfrm>
            <a:off x="1925097" y="3204824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0%</a:t>
            </a: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3065555" y="3573648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0%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4348400" y="3942472"/>
            <a:ext cx="284488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7193280" y="4311296"/>
            <a:ext cx="3811270" cy="22589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13018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7193280" y="4680120"/>
            <a:ext cx="1312859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7624487" y="5048942"/>
            <a:ext cx="3380063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5%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1329025" y="2836000"/>
            <a:ext cx="91440" cy="225891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1329025" y="3204824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1329025" y="3573648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1329025" y="3942472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1329025" y="4311296"/>
            <a:ext cx="91440" cy="22589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1329025" y="4680120"/>
            <a:ext cx="91440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1329025" y="5048942"/>
            <a:ext cx="91440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>
            <a:stCxn id="103" idx="3"/>
            <a:endCxn id="4" idx="1"/>
          </p:cNvCxnSpPr>
          <p:nvPr/>
        </p:nvCxnSpPr>
        <p:spPr>
          <a:xfrm>
            <a:off x="1420465" y="2948946"/>
            <a:ext cx="504633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>
            <a:stCxn id="104" idx="3"/>
            <a:endCxn id="96" idx="1"/>
          </p:cNvCxnSpPr>
          <p:nvPr/>
        </p:nvCxnSpPr>
        <p:spPr>
          <a:xfrm>
            <a:off x="1420465" y="3317770"/>
            <a:ext cx="50463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  <a:endCxn id="97" idx="1"/>
          </p:cNvCxnSpPr>
          <p:nvPr/>
        </p:nvCxnSpPr>
        <p:spPr>
          <a:xfrm>
            <a:off x="1420465" y="3686594"/>
            <a:ext cx="1645090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>
            <a:endCxn id="98" idx="1"/>
          </p:cNvCxnSpPr>
          <p:nvPr/>
        </p:nvCxnSpPr>
        <p:spPr>
          <a:xfrm flipV="1">
            <a:off x="1420465" y="4055418"/>
            <a:ext cx="2927935" cy="223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  <a:endCxn id="99" idx="1"/>
          </p:cNvCxnSpPr>
          <p:nvPr/>
        </p:nvCxnSpPr>
        <p:spPr>
          <a:xfrm>
            <a:off x="1420465" y="4423125"/>
            <a:ext cx="5772815" cy="1117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>
            <a:stCxn id="108" idx="3"/>
            <a:endCxn id="100" idx="1"/>
          </p:cNvCxnSpPr>
          <p:nvPr/>
        </p:nvCxnSpPr>
        <p:spPr>
          <a:xfrm>
            <a:off x="1420465" y="4793066"/>
            <a:ext cx="5772815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>
            <a:stCxn id="109" idx="3"/>
            <a:endCxn id="101" idx="1"/>
          </p:cNvCxnSpPr>
          <p:nvPr/>
        </p:nvCxnSpPr>
        <p:spPr>
          <a:xfrm>
            <a:off x="1420465" y="5161888"/>
            <a:ext cx="620402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5A2684B3-5EDC-4259-B379-7F75AD8C1ED3}"/>
              </a:ext>
            </a:extLst>
          </p:cNvPr>
          <p:cNvSpPr txBox="1"/>
          <p:nvPr/>
        </p:nvSpPr>
        <p:spPr>
          <a:xfrm>
            <a:off x="7185905" y="2825834"/>
            <a:ext cx="83631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Jul 17</a:t>
            </a:r>
          </a:p>
        </p:txBody>
      </p:sp>
      <p:sp>
        <p:nvSpPr>
          <p:cNvPr id="110" name="TextBox 109">
            <a:extLst>
              <a:ext uri="{FF2B5EF4-FFF2-40B4-BE49-F238E27FC236}">
                <a16:creationId xmlns:a16="http://schemas.microsoft.com/office/drawing/2014/main" id="{03F238DA-76E0-4FD0-81B1-13984A03B0F8}"/>
              </a:ext>
            </a:extLst>
          </p:cNvPr>
          <p:cNvSpPr txBox="1"/>
          <p:nvPr/>
        </p:nvSpPr>
        <p:spPr>
          <a:xfrm>
            <a:off x="3688400" y="3195012"/>
            <a:ext cx="913263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Mar 14</a:t>
            </a: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38223230-ECEF-4B5D-863E-20EF06565D2F}"/>
              </a:ext>
            </a:extLst>
          </p:cNvPr>
          <p:cNvSpPr txBox="1"/>
          <p:nvPr/>
        </p:nvSpPr>
        <p:spPr>
          <a:xfrm>
            <a:off x="4828858" y="3563482"/>
            <a:ext cx="970458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5 - Apr 22</a:t>
            </a: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7191751" y="3929360"/>
            <a:ext cx="85234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5 - Jul 17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7817B211-8366-4324-9C0D-482E2C94D052}"/>
              </a:ext>
            </a:extLst>
          </p:cNvPr>
          <p:cNvSpPr txBox="1"/>
          <p:nvPr/>
        </p:nvSpPr>
        <p:spPr>
          <a:xfrm>
            <a:off x="11006526" y="4300014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2 - Nov 27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0C42D947-9C00-4681-8B3F-E84852DA1D87}"/>
              </a:ext>
            </a:extLst>
          </p:cNvPr>
          <p:cNvSpPr txBox="1"/>
          <p:nvPr/>
        </p:nvSpPr>
        <p:spPr>
          <a:xfrm>
            <a:off x="8506139" y="4668988"/>
            <a:ext cx="93358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2 - Aug 19</a:t>
            </a:r>
          </a:p>
        </p:txBody>
      </p:sp>
      <p:sp>
        <p:nvSpPr>
          <p:cNvPr id="115" name="TextBox 114">
            <a:extLst>
              <a:ext uri="{FF2B5EF4-FFF2-40B4-BE49-F238E27FC236}">
                <a16:creationId xmlns:a16="http://schemas.microsoft.com/office/drawing/2014/main" id="{0C0D7143-8D52-484C-A79A-A74A67D04404}"/>
              </a:ext>
            </a:extLst>
          </p:cNvPr>
          <p:cNvSpPr txBox="1"/>
          <p:nvPr/>
        </p:nvSpPr>
        <p:spPr>
          <a:xfrm>
            <a:off x="11006526" y="5038776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 - Nov 27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722002" y="2149164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20</a:t>
            </a: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1505049" y="5824490"/>
            <a:ext cx="1194193" cy="261610"/>
            <a:chOff x="1505049" y="5824490"/>
            <a:chExt cx="1194193" cy="261610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Lorem Ipsum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7CB6EBAD-E86E-4A52-A296-86DE1DC17704}"/>
              </a:ext>
            </a:extLst>
          </p:cNvPr>
          <p:cNvGrpSpPr/>
          <p:nvPr/>
        </p:nvGrpSpPr>
        <p:grpSpPr>
          <a:xfrm>
            <a:off x="2884432" y="5824490"/>
            <a:ext cx="1194193" cy="261610"/>
            <a:chOff x="1505049" y="5824490"/>
            <a:chExt cx="1194193" cy="261610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56E75932-B719-440F-95F2-5A94F31AA10E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9CCB2F0-6EBB-4C16-86FD-CDAEC29F6C1D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Lorem Ipsum</a:t>
              </a:r>
            </a:p>
          </p:txBody>
        </p:sp>
      </p:grpSp>
      <p:grpSp>
        <p:nvGrpSpPr>
          <p:cNvPr id="56" name="Group 55">
            <a:extLst>
              <a:ext uri="{FF2B5EF4-FFF2-40B4-BE49-F238E27FC236}">
                <a16:creationId xmlns:a16="http://schemas.microsoft.com/office/drawing/2014/main" id="{D03E68B3-9800-421E-BDE4-DBED1A159947}"/>
              </a:ext>
            </a:extLst>
          </p:cNvPr>
          <p:cNvGrpSpPr/>
          <p:nvPr/>
        </p:nvGrpSpPr>
        <p:grpSpPr>
          <a:xfrm>
            <a:off x="10731495" y="5842350"/>
            <a:ext cx="1111350" cy="261610"/>
            <a:chOff x="1505049" y="5824490"/>
            <a:chExt cx="1111350" cy="261610"/>
          </a:xfrm>
        </p:grpSpPr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16F7B05C-0A96-4F4F-9798-44DF2A4E5786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C13018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%</a:t>
              </a:r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D7A76DC9-3FB5-4095-BBA3-61DC2D4715DA}"/>
                </a:ext>
              </a:extLst>
            </p:cNvPr>
            <p:cNvSpPr txBox="1"/>
            <p:nvPr/>
          </p:nvSpPr>
          <p:spPr>
            <a:xfrm>
              <a:off x="1773219" y="5824490"/>
              <a:ext cx="843180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srgbClr val="C13018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omple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83835107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Roadmap – Slide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2AABB0EB-82C8-A92A-0226-0E9459DC359F}"/>
              </a:ext>
            </a:extLst>
          </p:cNvPr>
          <p:cNvGraphicFramePr>
            <a:graphicFrameLocks noGrp="1"/>
          </p:cNvGraphicFramePr>
          <p:nvPr/>
        </p:nvGraphicFramePr>
        <p:xfrm>
          <a:off x="1679643" y="1215055"/>
          <a:ext cx="10084331" cy="40858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25301">
                  <a:extLst>
                    <a:ext uri="{9D8B030D-6E8A-4147-A177-3AD203B41FA5}">
                      <a16:colId xmlns:a16="http://schemas.microsoft.com/office/drawing/2014/main" val="1430332248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46958012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32152471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1326480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60929187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09009491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22046408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16099237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79943518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05863045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777309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51558852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77862634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70976865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89604470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8106631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20301136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61300272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82268074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59979399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82406316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418217043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717171694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1578848001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936465635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646324607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30536130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371351612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3683436266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099574803"/>
                    </a:ext>
                  </a:extLst>
                </a:gridCol>
                <a:gridCol w="325301">
                  <a:extLst>
                    <a:ext uri="{9D8B030D-6E8A-4147-A177-3AD203B41FA5}">
                      <a16:colId xmlns:a16="http://schemas.microsoft.com/office/drawing/2014/main" val="2216622119"/>
                    </a:ext>
                  </a:extLst>
                </a:gridCol>
              </a:tblGrid>
              <a:tr h="510725"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</a:t>
                      </a:r>
                    </a:p>
                  </a:txBody>
                  <a:tcPr marL="0" marR="0" anchor="ctr"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1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1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1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2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3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4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5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6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7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8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29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0</a:t>
                      </a:r>
                    </a:p>
                  </a:txBody>
                  <a:tcPr marL="0" marR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>
                          <a:solidFill>
                            <a:schemeClr val="tx1"/>
                          </a:solidFill>
                        </a:rPr>
                        <a:t>31</a:t>
                      </a:r>
                    </a:p>
                  </a:txBody>
                  <a:tcPr marL="0" marR="0" anchor="ctr"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41445805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8762682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83629091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48702712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74351780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1100231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73145213"/>
                  </a:ext>
                </a:extLst>
              </a:tr>
              <a:tr h="510725"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lToT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36085488"/>
                  </a:ext>
                </a:extLst>
              </a:tr>
            </a:tbl>
          </a:graphicData>
        </a:graphic>
      </p:graphicFrame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C321F1A9-55A1-834A-A686-967D41196A07}"/>
              </a:ext>
            </a:extLst>
          </p:cNvPr>
          <p:cNvSpPr/>
          <p:nvPr/>
        </p:nvSpPr>
        <p:spPr>
          <a:xfrm>
            <a:off x="2009775" y="1942101"/>
            <a:ext cx="3611495" cy="369332"/>
          </a:xfrm>
          <a:prstGeom prst="roundRect">
            <a:avLst>
              <a:gd name="adj" fmla="val 50000"/>
            </a:avLst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70%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2F075A4-985B-ACC6-2F4C-4C6A81D4203D}"/>
              </a:ext>
            </a:extLst>
          </p:cNvPr>
          <p:cNvSpPr txBox="1"/>
          <p:nvPr/>
        </p:nvSpPr>
        <p:spPr>
          <a:xfrm>
            <a:off x="258646" y="2521232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2 Label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FAB6781-21EB-96EE-78D4-75D463FE26AA}"/>
              </a:ext>
            </a:extLst>
          </p:cNvPr>
          <p:cNvSpPr txBox="1"/>
          <p:nvPr/>
        </p:nvSpPr>
        <p:spPr>
          <a:xfrm>
            <a:off x="258646" y="3069586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3 Labe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B2BC5BE-5BFA-166C-BB51-D775E0AD289D}"/>
              </a:ext>
            </a:extLst>
          </p:cNvPr>
          <p:cNvSpPr txBox="1"/>
          <p:nvPr/>
        </p:nvSpPr>
        <p:spPr>
          <a:xfrm>
            <a:off x="258646" y="3617940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4 Label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CB38938-3A5C-CAF9-3505-CBFD63DE8306}"/>
              </a:ext>
            </a:extLst>
          </p:cNvPr>
          <p:cNvSpPr txBox="1"/>
          <p:nvPr/>
        </p:nvSpPr>
        <p:spPr>
          <a:xfrm>
            <a:off x="258646" y="4166294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5 Label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C614A93-B90E-BAEC-5D2B-E3E2DF1B6937}"/>
              </a:ext>
            </a:extLst>
          </p:cNvPr>
          <p:cNvSpPr txBox="1"/>
          <p:nvPr/>
        </p:nvSpPr>
        <p:spPr>
          <a:xfrm>
            <a:off x="258646" y="4714650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6 Label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012F448-694F-588D-04E3-2607EB3148D0}"/>
              </a:ext>
            </a:extLst>
          </p:cNvPr>
          <p:cNvSpPr txBox="1"/>
          <p:nvPr/>
        </p:nvSpPr>
        <p:spPr>
          <a:xfrm>
            <a:off x="258646" y="1972878"/>
            <a:ext cx="1412942" cy="30777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sk 1 Label</a:t>
            </a: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C6D40EBD-C289-CB3A-8C37-DC5D1C1335AA}"/>
              </a:ext>
            </a:extLst>
          </p:cNvPr>
          <p:cNvSpPr/>
          <p:nvPr/>
        </p:nvSpPr>
        <p:spPr>
          <a:xfrm>
            <a:off x="2009775" y="1942101"/>
            <a:ext cx="2658995" cy="369332"/>
          </a:xfrm>
          <a:prstGeom prst="roundRect">
            <a:avLst>
              <a:gd name="adj" fmla="val 50000"/>
            </a:avLst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63E2305D-A0DF-A03C-2232-CC3548BC1CF6}"/>
              </a:ext>
            </a:extLst>
          </p:cNvPr>
          <p:cNvSpPr/>
          <p:nvPr/>
        </p:nvSpPr>
        <p:spPr>
          <a:xfrm>
            <a:off x="2971802" y="2490455"/>
            <a:ext cx="2314574" cy="369332"/>
          </a:xfrm>
          <a:prstGeom prst="roundRect">
            <a:avLst>
              <a:gd name="adj" fmla="val 50000"/>
            </a:avLst>
          </a:prstGeom>
          <a:solidFill>
            <a:schemeClr val="accent2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62%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089E357A-BD62-BF53-9B92-E64C83AB4DBB}"/>
              </a:ext>
            </a:extLst>
          </p:cNvPr>
          <p:cNvSpPr/>
          <p:nvPr/>
        </p:nvSpPr>
        <p:spPr>
          <a:xfrm>
            <a:off x="2971801" y="2490455"/>
            <a:ext cx="1412942" cy="369332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48565831-563A-50B6-A184-EE1230CF55E9}"/>
              </a:ext>
            </a:extLst>
          </p:cNvPr>
          <p:cNvSpPr/>
          <p:nvPr/>
        </p:nvSpPr>
        <p:spPr>
          <a:xfrm>
            <a:off x="4914799" y="3038809"/>
            <a:ext cx="3914875" cy="369332"/>
          </a:xfrm>
          <a:prstGeom prst="roundRect">
            <a:avLst>
              <a:gd name="adj" fmla="val 50000"/>
            </a:avLst>
          </a:prstGeom>
          <a:solidFill>
            <a:schemeClr val="accent3">
              <a:lumMod val="7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33F5C71C-5140-CCA7-12F1-FE5340E7A757}"/>
              </a:ext>
            </a:extLst>
          </p:cNvPr>
          <p:cNvSpPr/>
          <p:nvPr/>
        </p:nvSpPr>
        <p:spPr>
          <a:xfrm>
            <a:off x="4914799" y="3038809"/>
            <a:ext cx="981176" cy="369332"/>
          </a:xfrm>
          <a:prstGeom prst="roundRect">
            <a:avLst>
              <a:gd name="adj" fmla="val 50000"/>
            </a:avLst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114B1145-9F51-D941-CFEB-11A573504601}"/>
              </a:ext>
            </a:extLst>
          </p:cNvPr>
          <p:cNvSpPr/>
          <p:nvPr/>
        </p:nvSpPr>
        <p:spPr>
          <a:xfrm>
            <a:off x="7524649" y="3587163"/>
            <a:ext cx="4239325" cy="369332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%</a:t>
            </a: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126FE4D5-A977-E3FA-4695-AC334198381A}"/>
              </a:ext>
            </a:extLst>
          </p:cNvPr>
          <p:cNvSpPr/>
          <p:nvPr/>
        </p:nvSpPr>
        <p:spPr>
          <a:xfrm>
            <a:off x="7524649" y="3587163"/>
            <a:ext cx="981176" cy="369332"/>
          </a:xfrm>
          <a:prstGeom prst="roundRect">
            <a:avLst>
              <a:gd name="adj" fmla="val 50000"/>
            </a:avLst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9F8F4D82-0FB7-727E-D62D-77A009653A8A}"/>
              </a:ext>
            </a:extLst>
          </p:cNvPr>
          <p:cNvSpPr/>
          <p:nvPr/>
        </p:nvSpPr>
        <p:spPr>
          <a:xfrm>
            <a:off x="6562625" y="4113854"/>
            <a:ext cx="3571976" cy="369332"/>
          </a:xfrm>
          <a:prstGeom prst="roundRect">
            <a:avLst>
              <a:gd name="adj" fmla="val 50000"/>
            </a:avLst>
          </a:prstGeom>
          <a:solidFill>
            <a:schemeClr val="accent5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95%</a:t>
            </a: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7378B42A-E14B-949E-7890-5B990802DDA6}"/>
              </a:ext>
            </a:extLst>
          </p:cNvPr>
          <p:cNvSpPr/>
          <p:nvPr/>
        </p:nvSpPr>
        <p:spPr>
          <a:xfrm>
            <a:off x="6562623" y="4113854"/>
            <a:ext cx="2952851" cy="369332"/>
          </a:xfrm>
          <a:prstGeom prst="roundRect">
            <a:avLst>
              <a:gd name="adj" fmla="val 50000"/>
            </a:avLst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4513FC84-07CC-249A-4F95-4CD4F0788097}"/>
              </a:ext>
            </a:extLst>
          </p:cNvPr>
          <p:cNvSpPr/>
          <p:nvPr/>
        </p:nvSpPr>
        <p:spPr>
          <a:xfrm>
            <a:off x="8829674" y="4683871"/>
            <a:ext cx="2276476" cy="369332"/>
          </a:xfrm>
          <a:prstGeom prst="roundRect">
            <a:avLst>
              <a:gd name="adj" fmla="val 50000"/>
            </a:avLst>
          </a:prstGeom>
          <a:solidFill>
            <a:schemeClr val="accent6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6395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%</a:t>
            </a: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EC79C841-E9B0-90B2-BAEE-4421AB39561E}"/>
              </a:ext>
            </a:extLst>
          </p:cNvPr>
          <p:cNvSpPr/>
          <p:nvPr/>
        </p:nvSpPr>
        <p:spPr>
          <a:xfrm>
            <a:off x="8829674" y="4683871"/>
            <a:ext cx="685800" cy="369332"/>
          </a:xfrm>
          <a:prstGeom prst="roundRect">
            <a:avLst>
              <a:gd name="adj" fmla="val 50000"/>
            </a:avLst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B084B2A6-C6A1-FC42-DAF4-EDA4D9A11547}"/>
              </a:ext>
            </a:extLst>
          </p:cNvPr>
          <p:cNvCxnSpPr/>
          <p:nvPr/>
        </p:nvCxnSpPr>
        <p:spPr>
          <a:xfrm>
            <a:off x="9163050" y="1741746"/>
            <a:ext cx="0" cy="3559109"/>
          </a:xfrm>
          <a:prstGeom prst="line">
            <a:avLst/>
          </a:prstGeom>
          <a:ln w="19050">
            <a:headEnd type="oval"/>
            <a:tailEnd type="oval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pic>
        <p:nvPicPr>
          <p:cNvPr id="23" name="Graphic 22" descr="User with solid fill">
            <a:extLst>
              <a:ext uri="{FF2B5EF4-FFF2-40B4-BE49-F238E27FC236}">
                <a16:creationId xmlns:a16="http://schemas.microsoft.com/office/drawing/2014/main" id="{6ED80DF8-D993-EA11-2477-41ECFC2DDD1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820521" y="5804082"/>
            <a:ext cx="355508" cy="355508"/>
          </a:xfrm>
          <a:prstGeom prst="rect">
            <a:avLst/>
          </a:prstGeom>
        </p:spPr>
      </p:pic>
      <p:pic>
        <p:nvPicPr>
          <p:cNvPr id="24" name="Graphic 23" descr="Male profile with solid fill">
            <a:extLst>
              <a:ext uri="{FF2B5EF4-FFF2-40B4-BE49-F238E27FC236}">
                <a16:creationId xmlns:a16="http://schemas.microsoft.com/office/drawing/2014/main" id="{9FA9C558-87B2-9B30-E99C-9C15B842946B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850212" y="5804082"/>
            <a:ext cx="355508" cy="355508"/>
          </a:xfrm>
          <a:prstGeom prst="rect">
            <a:avLst/>
          </a:prstGeom>
        </p:spPr>
      </p:pic>
      <p:pic>
        <p:nvPicPr>
          <p:cNvPr id="25" name="Graphic 24" descr="Female Profile with solid fill">
            <a:extLst>
              <a:ext uri="{FF2B5EF4-FFF2-40B4-BE49-F238E27FC236}">
                <a16:creationId xmlns:a16="http://schemas.microsoft.com/office/drawing/2014/main" id="{6065FC55-B54F-09BB-8BCD-B86804FFA105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3879903" y="5804082"/>
            <a:ext cx="355508" cy="355508"/>
          </a:xfrm>
          <a:prstGeom prst="rect">
            <a:avLst/>
          </a:prstGeom>
        </p:spPr>
      </p:pic>
      <p:pic>
        <p:nvPicPr>
          <p:cNvPr id="26" name="Graphic 25" descr="School girl with solid fill">
            <a:extLst>
              <a:ext uri="{FF2B5EF4-FFF2-40B4-BE49-F238E27FC236}">
                <a16:creationId xmlns:a16="http://schemas.microsoft.com/office/drawing/2014/main" id="{491D96ED-0684-2F6B-9BFD-6B4E090C4368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4909594" y="5804082"/>
            <a:ext cx="355508" cy="355508"/>
          </a:xfrm>
          <a:prstGeom prst="rect">
            <a:avLst/>
          </a:prstGeom>
        </p:spPr>
      </p:pic>
      <p:pic>
        <p:nvPicPr>
          <p:cNvPr id="27" name="Graphic 26" descr="User Crown Female with solid fill">
            <a:extLst>
              <a:ext uri="{FF2B5EF4-FFF2-40B4-BE49-F238E27FC236}">
                <a16:creationId xmlns:a16="http://schemas.microsoft.com/office/drawing/2014/main" id="{3F326788-8731-2E7E-DB1D-8B24F66FEFDB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5939285" y="5804082"/>
            <a:ext cx="355508" cy="355508"/>
          </a:xfrm>
          <a:prstGeom prst="rect">
            <a:avLst/>
          </a:prstGeom>
        </p:spPr>
      </p:pic>
      <p:pic>
        <p:nvPicPr>
          <p:cNvPr id="28" name="Graphic 27" descr="User Crown Male with solid fill">
            <a:extLst>
              <a:ext uri="{FF2B5EF4-FFF2-40B4-BE49-F238E27FC236}">
                <a16:creationId xmlns:a16="http://schemas.microsoft.com/office/drawing/2014/main" id="{B4E0A678-B0BE-8F96-E37C-0B7F5C4B568F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6968976" y="5804082"/>
            <a:ext cx="355508" cy="355508"/>
          </a:xfrm>
          <a:prstGeom prst="rect">
            <a:avLst/>
          </a:prstGeom>
        </p:spPr>
      </p:pic>
      <p:sp>
        <p:nvSpPr>
          <p:cNvPr id="29" name="TextBox 28">
            <a:extLst>
              <a:ext uri="{FF2B5EF4-FFF2-40B4-BE49-F238E27FC236}">
                <a16:creationId xmlns:a16="http://schemas.microsoft.com/office/drawing/2014/main" id="{D7673DE0-18F3-05AE-F88F-C1C2CFA3E362}"/>
              </a:ext>
            </a:extLst>
          </p:cNvPr>
          <p:cNvSpPr txBox="1"/>
          <p:nvPr/>
        </p:nvSpPr>
        <p:spPr>
          <a:xfrm>
            <a:off x="2180983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3961C47A-700B-2DE7-A30B-A5E277A50D8E}"/>
              </a:ext>
            </a:extLst>
          </p:cNvPr>
          <p:cNvSpPr txBox="1"/>
          <p:nvPr/>
        </p:nvSpPr>
        <p:spPr>
          <a:xfrm>
            <a:off x="3210674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FB9A0E8D-152A-06A0-1C68-15DA27556067}"/>
              </a:ext>
            </a:extLst>
          </p:cNvPr>
          <p:cNvSpPr txBox="1"/>
          <p:nvPr/>
        </p:nvSpPr>
        <p:spPr>
          <a:xfrm>
            <a:off x="4240365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D5FCBB6F-30E7-85E0-1CA7-85BF002AC9FB}"/>
              </a:ext>
            </a:extLst>
          </p:cNvPr>
          <p:cNvSpPr txBox="1"/>
          <p:nvPr/>
        </p:nvSpPr>
        <p:spPr>
          <a:xfrm>
            <a:off x="5270056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FD6C00A5-4E7C-56FF-70A3-F69DB690A812}"/>
              </a:ext>
            </a:extLst>
          </p:cNvPr>
          <p:cNvSpPr txBox="1"/>
          <p:nvPr/>
        </p:nvSpPr>
        <p:spPr>
          <a:xfrm>
            <a:off x="6299747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802631E5-362A-D633-E5CA-A835EF2825A3}"/>
              </a:ext>
            </a:extLst>
          </p:cNvPr>
          <p:cNvSpPr txBox="1"/>
          <p:nvPr/>
        </p:nvSpPr>
        <p:spPr>
          <a:xfrm>
            <a:off x="7329436" y="5766393"/>
            <a:ext cx="664275" cy="43088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em Dolor</a:t>
            </a:r>
          </a:p>
        </p:txBody>
      </p:sp>
      <p:pic>
        <p:nvPicPr>
          <p:cNvPr id="35" name="Graphic 34" descr="Female Profile with solid fill">
            <a:extLst>
              <a:ext uri="{FF2B5EF4-FFF2-40B4-BE49-F238E27FC236}">
                <a16:creationId xmlns:a16="http://schemas.microsoft.com/office/drawing/2014/main" id="{25B2FE1E-C494-0F5E-B7FA-68549E72AE74}"/>
              </a:ext>
            </a:extLst>
          </p:cNvPr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2128788" y="2013472"/>
            <a:ext cx="226591" cy="226591"/>
          </a:xfrm>
          <a:prstGeom prst="rect">
            <a:avLst/>
          </a:prstGeom>
        </p:spPr>
      </p:pic>
      <p:pic>
        <p:nvPicPr>
          <p:cNvPr id="36" name="Graphic 35" descr="School girl with solid fill">
            <a:extLst>
              <a:ext uri="{FF2B5EF4-FFF2-40B4-BE49-F238E27FC236}">
                <a16:creationId xmlns:a16="http://schemas.microsoft.com/office/drawing/2014/main" id="{1CB59C56-8251-CCD2-5247-BC50D26A799A}"/>
              </a:ext>
            </a:extLst>
          </p:cNvPr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2363434" y="2013472"/>
            <a:ext cx="226591" cy="226591"/>
          </a:xfrm>
          <a:prstGeom prst="rect">
            <a:avLst/>
          </a:prstGeom>
        </p:spPr>
      </p:pic>
      <p:pic>
        <p:nvPicPr>
          <p:cNvPr id="37" name="Graphic 36" descr="User Crown Male with solid fill">
            <a:extLst>
              <a:ext uri="{FF2B5EF4-FFF2-40B4-BE49-F238E27FC236}">
                <a16:creationId xmlns:a16="http://schemas.microsoft.com/office/drawing/2014/main" id="{F03E8F37-A679-B075-F3C4-86703491AEEA}"/>
              </a:ext>
            </a:extLst>
          </p:cNvPr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5046536" y="3110180"/>
            <a:ext cx="226591" cy="226591"/>
          </a:xfrm>
          <a:prstGeom prst="rect">
            <a:avLst/>
          </a:prstGeom>
        </p:spPr>
      </p:pic>
      <p:pic>
        <p:nvPicPr>
          <p:cNvPr id="38" name="Graphic 37" descr="User with solid fill">
            <a:extLst>
              <a:ext uri="{FF2B5EF4-FFF2-40B4-BE49-F238E27FC236}">
                <a16:creationId xmlns:a16="http://schemas.microsoft.com/office/drawing/2014/main" id="{AD0046C3-7ED9-3EE8-8506-754AC5389AE4}"/>
              </a:ext>
            </a:extLst>
          </p:cNvPr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661573" y="3658534"/>
            <a:ext cx="226591" cy="226591"/>
          </a:xfrm>
          <a:prstGeom prst="rect">
            <a:avLst/>
          </a:prstGeom>
        </p:spPr>
      </p:pic>
      <p:pic>
        <p:nvPicPr>
          <p:cNvPr id="39" name="Graphic 38" descr="Male profile with solid fill">
            <a:extLst>
              <a:ext uri="{FF2B5EF4-FFF2-40B4-BE49-F238E27FC236}">
                <a16:creationId xmlns:a16="http://schemas.microsoft.com/office/drawing/2014/main" id="{5C6BC3DB-87B8-2F4B-FD1D-4BFE64AFD5D3}"/>
              </a:ext>
            </a:extLst>
          </p:cNvPr>
          <p:cNvPicPr>
            <a:picLocks noChangeAspect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7888164" y="3658534"/>
            <a:ext cx="226591" cy="226591"/>
          </a:xfrm>
          <a:prstGeom prst="rect">
            <a:avLst/>
          </a:prstGeom>
        </p:spPr>
      </p:pic>
      <p:pic>
        <p:nvPicPr>
          <p:cNvPr id="40" name="Graphic 39" descr="User Crown Female with solid fill">
            <a:extLst>
              <a:ext uri="{FF2B5EF4-FFF2-40B4-BE49-F238E27FC236}">
                <a16:creationId xmlns:a16="http://schemas.microsoft.com/office/drawing/2014/main" id="{7603E0B9-925C-A92B-FC83-A2A4BDD77614}"/>
              </a:ext>
            </a:extLst>
          </p:cNvPr>
          <p:cNvPicPr>
            <a:picLocks noChangeAspect="1"/>
          </p:cNvPicPr>
          <p:nvPr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6721808" y="4185225"/>
            <a:ext cx="226591" cy="226591"/>
          </a:xfrm>
          <a:prstGeom prst="rect">
            <a:avLst/>
          </a:prstGeom>
        </p:spPr>
      </p:pic>
      <p:pic>
        <p:nvPicPr>
          <p:cNvPr id="41" name="Graphic 40" descr="School girl with solid fill">
            <a:extLst>
              <a:ext uri="{FF2B5EF4-FFF2-40B4-BE49-F238E27FC236}">
                <a16:creationId xmlns:a16="http://schemas.microsoft.com/office/drawing/2014/main" id="{9ADB1BE3-7A62-945C-8569-BB94106BB2C2}"/>
              </a:ext>
            </a:extLst>
          </p:cNvPr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6956454" y="4185225"/>
            <a:ext cx="226591" cy="226591"/>
          </a:xfrm>
          <a:prstGeom prst="rect">
            <a:avLst/>
          </a:prstGeom>
        </p:spPr>
      </p:pic>
      <p:pic>
        <p:nvPicPr>
          <p:cNvPr id="42" name="Graphic 41" descr="Male profile with solid fill">
            <a:extLst>
              <a:ext uri="{FF2B5EF4-FFF2-40B4-BE49-F238E27FC236}">
                <a16:creationId xmlns:a16="http://schemas.microsoft.com/office/drawing/2014/main" id="{A130A5A3-8697-CCFC-64B7-DD75052DBD25}"/>
              </a:ext>
            </a:extLst>
          </p:cNvPr>
          <p:cNvPicPr>
            <a:picLocks noChangeAspect="1"/>
          </p:cNvPicPr>
          <p:nvPr/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7180744" y="4185225"/>
            <a:ext cx="226591" cy="226591"/>
          </a:xfrm>
          <a:prstGeom prst="rect">
            <a:avLst/>
          </a:prstGeom>
        </p:spPr>
      </p:pic>
      <p:grpSp>
        <p:nvGrpSpPr>
          <p:cNvPr id="43" name="Group 42">
            <a:extLst>
              <a:ext uri="{FF2B5EF4-FFF2-40B4-BE49-F238E27FC236}">
                <a16:creationId xmlns:a16="http://schemas.microsoft.com/office/drawing/2014/main" id="{3D0FE85B-A09C-F5DF-1546-CD3589600F62}"/>
              </a:ext>
            </a:extLst>
          </p:cNvPr>
          <p:cNvGrpSpPr/>
          <p:nvPr/>
        </p:nvGrpSpPr>
        <p:grpSpPr>
          <a:xfrm>
            <a:off x="10259027" y="5866352"/>
            <a:ext cx="1504947" cy="293238"/>
            <a:chOff x="8991601" y="5814581"/>
            <a:chExt cx="1895474" cy="369332"/>
          </a:xfrm>
        </p:grpSpPr>
        <p:sp>
          <p:nvSpPr>
            <p:cNvPr id="44" name="Rectangle: Rounded Corners 43">
              <a:extLst>
                <a:ext uri="{FF2B5EF4-FFF2-40B4-BE49-F238E27FC236}">
                  <a16:creationId xmlns:a16="http://schemas.microsoft.com/office/drawing/2014/main" id="{6567E68D-4707-DCB1-6C71-32DCC49C8AF3}"/>
                </a:ext>
              </a:extLst>
            </p:cNvPr>
            <p:cNvSpPr/>
            <p:nvPr/>
          </p:nvSpPr>
          <p:spPr>
            <a:xfrm>
              <a:off x="8991601" y="5814581"/>
              <a:ext cx="1895474" cy="369332"/>
            </a:xfrm>
            <a:prstGeom prst="roundRect">
              <a:avLst>
                <a:gd name="adj" fmla="val 50000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5" name="Rectangle: Rounded Corners 44">
              <a:extLst>
                <a:ext uri="{FF2B5EF4-FFF2-40B4-BE49-F238E27FC236}">
                  <a16:creationId xmlns:a16="http://schemas.microsoft.com/office/drawing/2014/main" id="{A509666C-C4E3-731A-8F38-2414A6B9D134}"/>
                </a:ext>
              </a:extLst>
            </p:cNvPr>
            <p:cNvSpPr/>
            <p:nvPr/>
          </p:nvSpPr>
          <p:spPr>
            <a:xfrm>
              <a:off x="8991601" y="5814581"/>
              <a:ext cx="1009648" cy="369332"/>
            </a:xfrm>
            <a:prstGeom prst="roundRect">
              <a:avLst>
                <a:gd name="adj" fmla="val 50000"/>
              </a:avLst>
            </a:prstGeom>
            <a:solidFill>
              <a:schemeClr val="tx1">
                <a:lumMod val="50000"/>
                <a:lumOff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mpletion</a:t>
              </a:r>
            </a:p>
          </p:txBody>
        </p:sp>
      </p:grp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920CCB8D-14E3-DD5C-ED4B-A73A88CAEAB4}"/>
              </a:ext>
            </a:extLst>
          </p:cNvPr>
          <p:cNvCxnSpPr>
            <a:stCxn id="10" idx="3"/>
            <a:endCxn id="11" idx="1"/>
          </p:cNvCxnSpPr>
          <p:nvPr/>
        </p:nvCxnSpPr>
        <p:spPr>
          <a:xfrm>
            <a:off x="1671588" y="2126767"/>
            <a:ext cx="338187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B14B0577-F432-DCF9-934B-BBEF43178852}"/>
              </a:ext>
            </a:extLst>
          </p:cNvPr>
          <p:cNvCxnSpPr>
            <a:cxnSpLocks/>
            <a:stCxn id="5" idx="3"/>
            <a:endCxn id="13" idx="1"/>
          </p:cNvCxnSpPr>
          <p:nvPr/>
        </p:nvCxnSpPr>
        <p:spPr>
          <a:xfrm>
            <a:off x="1671588" y="2675121"/>
            <a:ext cx="1300213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D029E4BF-2CB0-4AEA-D622-394B470FE0BB}"/>
              </a:ext>
            </a:extLst>
          </p:cNvPr>
          <p:cNvCxnSpPr>
            <a:cxnSpLocks/>
            <a:stCxn id="6" idx="3"/>
            <a:endCxn id="15" idx="1"/>
          </p:cNvCxnSpPr>
          <p:nvPr/>
        </p:nvCxnSpPr>
        <p:spPr>
          <a:xfrm>
            <a:off x="1671588" y="3223475"/>
            <a:ext cx="3243211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C5B3FBB4-5FB7-6763-9D52-FA49E5D67226}"/>
              </a:ext>
            </a:extLst>
          </p:cNvPr>
          <p:cNvCxnSpPr>
            <a:cxnSpLocks/>
            <a:stCxn id="7" idx="3"/>
            <a:endCxn id="17" idx="1"/>
          </p:cNvCxnSpPr>
          <p:nvPr/>
        </p:nvCxnSpPr>
        <p:spPr>
          <a:xfrm>
            <a:off x="1671588" y="3771829"/>
            <a:ext cx="5853061" cy="0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22D6E0BE-4685-A569-6B5F-6BD81486A51E}"/>
              </a:ext>
            </a:extLst>
          </p:cNvPr>
          <p:cNvCxnSpPr>
            <a:cxnSpLocks/>
            <a:endCxn id="19" idx="1"/>
          </p:cNvCxnSpPr>
          <p:nvPr/>
        </p:nvCxnSpPr>
        <p:spPr>
          <a:xfrm flipV="1">
            <a:off x="1679643" y="4298520"/>
            <a:ext cx="4882980" cy="10832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EEFF3B7B-3342-BA42-F850-AD51D0794085}"/>
              </a:ext>
            </a:extLst>
          </p:cNvPr>
          <p:cNvCxnSpPr>
            <a:cxnSpLocks/>
            <a:stCxn id="9" idx="3"/>
            <a:endCxn id="21" idx="1"/>
          </p:cNvCxnSpPr>
          <p:nvPr/>
        </p:nvCxnSpPr>
        <p:spPr>
          <a:xfrm flipV="1">
            <a:off x="1671588" y="4868537"/>
            <a:ext cx="7158086" cy="2"/>
          </a:xfrm>
          <a:prstGeom prst="line">
            <a:avLst/>
          </a:prstGeom>
          <a:ln w="3175">
            <a:solidFill>
              <a:schemeClr val="accent1">
                <a:alpha val="69000"/>
              </a:schemeClr>
            </a:solidFill>
            <a:prstDash val="dashDot"/>
            <a:head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2" name="Graphic 51" descr="User with solid fill">
            <a:extLst>
              <a:ext uri="{FF2B5EF4-FFF2-40B4-BE49-F238E27FC236}">
                <a16:creationId xmlns:a16="http://schemas.microsoft.com/office/drawing/2014/main" id="{7725874C-B74F-C08C-0049-6B260BA1A980}"/>
              </a:ext>
            </a:extLst>
          </p:cNvPr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3288698" y="2561826"/>
            <a:ext cx="226591" cy="226591"/>
          </a:xfrm>
          <a:prstGeom prst="rect">
            <a:avLst/>
          </a:prstGeom>
        </p:spPr>
      </p:pic>
      <p:pic>
        <p:nvPicPr>
          <p:cNvPr id="53" name="Graphic 52" descr="Female Profile with solid fill">
            <a:extLst>
              <a:ext uri="{FF2B5EF4-FFF2-40B4-BE49-F238E27FC236}">
                <a16:creationId xmlns:a16="http://schemas.microsoft.com/office/drawing/2014/main" id="{8DB96630-DBAD-EA40-F4C7-AECA4E0CDCAF}"/>
              </a:ext>
            </a:extLst>
          </p:cNvPr>
          <p:cNvPicPr>
            <a:picLocks noChangeAspect="1"/>
          </p:cNvPicPr>
          <p:nvPr/>
        </p:nvPicPr>
        <p:blipFill>
          <a:blip r:embed="rId2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0"/>
              </a:ext>
            </a:extLst>
          </a:blip>
          <a:stretch>
            <a:fillRect/>
          </a:stretch>
        </p:blipFill>
        <p:spPr>
          <a:xfrm>
            <a:off x="3099427" y="2561826"/>
            <a:ext cx="226591" cy="226591"/>
          </a:xfrm>
          <a:prstGeom prst="rect">
            <a:avLst/>
          </a:prstGeom>
        </p:spPr>
      </p:pic>
      <p:pic>
        <p:nvPicPr>
          <p:cNvPr id="54" name="Graphic 53" descr="User Crown Female with solid fill">
            <a:extLst>
              <a:ext uri="{FF2B5EF4-FFF2-40B4-BE49-F238E27FC236}">
                <a16:creationId xmlns:a16="http://schemas.microsoft.com/office/drawing/2014/main" id="{874CDFAD-5DA9-F0C9-1574-D06F3146822F}"/>
              </a:ext>
            </a:extLst>
          </p:cNvPr>
          <p:cNvPicPr>
            <a:picLocks noChangeAspect="1"/>
          </p:cNvPicPr>
          <p:nvPr/>
        </p:nvPicPr>
        <p:blipFill>
          <a:blip r:embed="rId3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2"/>
              </a:ext>
            </a:extLst>
          </a:blip>
          <a:stretch>
            <a:fillRect/>
          </a:stretch>
        </p:blipFill>
        <p:spPr>
          <a:xfrm>
            <a:off x="8522156" y="4755242"/>
            <a:ext cx="226591" cy="226591"/>
          </a:xfrm>
          <a:prstGeom prst="rect">
            <a:avLst/>
          </a:prstGeom>
        </p:spPr>
      </p:pic>
      <p:pic>
        <p:nvPicPr>
          <p:cNvPr id="55" name="Graphic 54" descr="School girl with solid fill">
            <a:extLst>
              <a:ext uri="{FF2B5EF4-FFF2-40B4-BE49-F238E27FC236}">
                <a16:creationId xmlns:a16="http://schemas.microsoft.com/office/drawing/2014/main" id="{4EA50A0B-A889-7963-7639-AB09E4BA57C0}"/>
              </a:ext>
            </a:extLst>
          </p:cNvPr>
          <p:cNvPicPr>
            <a:picLocks noChangeAspect="1"/>
          </p:cNvPicPr>
          <p:nvPr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4"/>
              </a:ext>
            </a:extLst>
          </a:blip>
          <a:stretch>
            <a:fillRect/>
          </a:stretch>
        </p:blipFill>
        <p:spPr>
          <a:xfrm>
            <a:off x="8295565" y="4755242"/>
            <a:ext cx="226591" cy="226591"/>
          </a:xfrm>
          <a:prstGeom prst="rect">
            <a:avLst/>
          </a:prstGeom>
        </p:spPr>
      </p:pic>
      <p:sp>
        <p:nvSpPr>
          <p:cNvPr id="56" name="TextBox 55">
            <a:extLst>
              <a:ext uri="{FF2B5EF4-FFF2-40B4-BE49-F238E27FC236}">
                <a16:creationId xmlns:a16="http://schemas.microsoft.com/office/drawing/2014/main" id="{6438234A-5C01-0726-889B-099CF358693E}"/>
              </a:ext>
            </a:extLst>
          </p:cNvPr>
          <p:cNvSpPr txBox="1"/>
          <p:nvPr/>
        </p:nvSpPr>
        <p:spPr>
          <a:xfrm>
            <a:off x="8840436" y="5307612"/>
            <a:ext cx="664275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C13018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day</a:t>
            </a: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D2E33602-5FC4-F364-B0B3-1F927EC5436D}"/>
              </a:ext>
            </a:extLst>
          </p:cNvPr>
          <p:cNvSpPr txBox="1"/>
          <p:nvPr/>
        </p:nvSpPr>
        <p:spPr>
          <a:xfrm>
            <a:off x="258646" y="2182678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2 – Dec 12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99B471B1-2430-BC0D-ACE1-FA17A02070BF}"/>
              </a:ext>
            </a:extLst>
          </p:cNvPr>
          <p:cNvSpPr txBox="1"/>
          <p:nvPr/>
        </p:nvSpPr>
        <p:spPr>
          <a:xfrm>
            <a:off x="258646" y="2732161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5 – Dec 11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0D98D79E-4214-4728-D54A-19470BF141A1}"/>
              </a:ext>
            </a:extLst>
          </p:cNvPr>
          <p:cNvSpPr txBox="1"/>
          <p:nvPr/>
        </p:nvSpPr>
        <p:spPr>
          <a:xfrm>
            <a:off x="258646" y="3281644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1 – Dec 22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17AE9EFB-4AE6-8CA3-D3DC-6A956F2FDF99}"/>
              </a:ext>
            </a:extLst>
          </p:cNvPr>
          <p:cNvSpPr txBox="1"/>
          <p:nvPr/>
        </p:nvSpPr>
        <p:spPr>
          <a:xfrm>
            <a:off x="258646" y="3831127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9 – Dec 31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10E90837-C997-7244-0C97-D8EA6ABE3CB2}"/>
              </a:ext>
            </a:extLst>
          </p:cNvPr>
          <p:cNvSpPr txBox="1"/>
          <p:nvPr/>
        </p:nvSpPr>
        <p:spPr>
          <a:xfrm>
            <a:off x="258646" y="4380610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16 – Dec 26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039A80F1-F95C-651A-323C-ACA7EE07DD1D}"/>
              </a:ext>
            </a:extLst>
          </p:cNvPr>
          <p:cNvSpPr txBox="1"/>
          <p:nvPr/>
        </p:nvSpPr>
        <p:spPr>
          <a:xfrm>
            <a:off x="258646" y="4930092"/>
            <a:ext cx="1412942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3D3D3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c 23 – Dec 29</a:t>
            </a:r>
          </a:p>
        </p:txBody>
      </p:sp>
    </p:spTree>
    <p:extLst>
      <p:ext uri="{BB962C8B-B14F-4D97-AF65-F5344CB8AC3E}">
        <p14:creationId xmlns:p14="http://schemas.microsoft.com/office/powerpoint/2010/main" val="76846848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plate PresentationGO">
  <a:themeElements>
    <a:clrScheme name="PresentationGo">
      <a:dk1>
        <a:srgbClr val="000000"/>
      </a:dk1>
      <a:lt1>
        <a:srgbClr val="FFFFFF"/>
      </a:lt1>
      <a:dk2>
        <a:srgbClr val="001F33"/>
      </a:dk2>
      <a:lt2>
        <a:srgbClr val="F2F2F2"/>
      </a:lt2>
      <a:accent1>
        <a:srgbClr val="F15F47"/>
      </a:accent1>
      <a:accent2>
        <a:srgbClr val="FBA91E"/>
      </a:accent2>
      <a:accent3>
        <a:srgbClr val="FEDA2F"/>
      </a:accent3>
      <a:accent4>
        <a:srgbClr val="6EA56C"/>
      </a:accent4>
      <a:accent5>
        <a:srgbClr val="3AC6E1"/>
      </a:accent5>
      <a:accent6>
        <a:srgbClr val="244470"/>
      </a:accent6>
      <a:hlink>
        <a:srgbClr val="008B58"/>
      </a:hlink>
      <a:folHlink>
        <a:srgbClr val="008B58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emplate PresentationGO Dark">
  <a:themeElements>
    <a:clrScheme name="PresentationGO">
      <a:dk1>
        <a:srgbClr val="000000"/>
      </a:dk1>
      <a:lt1>
        <a:srgbClr val="FFFFFF"/>
      </a:lt1>
      <a:dk2>
        <a:srgbClr val="001F33"/>
      </a:dk2>
      <a:lt2>
        <a:srgbClr val="F2F2F2"/>
      </a:lt2>
      <a:accent1>
        <a:srgbClr val="F15F47"/>
      </a:accent1>
      <a:accent2>
        <a:srgbClr val="FBA91E"/>
      </a:accent2>
      <a:accent3>
        <a:srgbClr val="FEDA2F"/>
      </a:accent3>
      <a:accent4>
        <a:srgbClr val="6EA56C"/>
      </a:accent4>
      <a:accent5>
        <a:srgbClr val="3AC6E1"/>
      </a:accent5>
      <a:accent6>
        <a:srgbClr val="244470"/>
      </a:accent6>
      <a:hlink>
        <a:srgbClr val="008B58"/>
      </a:hlink>
      <a:folHlink>
        <a:srgbClr val="008B58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_Template PresentationGo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1_Template PresentationGo Dark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2_Template PresentationGo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2_Template PresentationGo Dark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3_Template PresentationGO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8.xml><?xml version="1.0" encoding="utf-8"?>
<a:theme xmlns:a="http://schemas.openxmlformats.org/drawingml/2006/main" name="3_Template PresentationGO Dark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9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</TotalTime>
  <Words>1100</Words>
  <Application>Microsoft Office PowerPoint</Application>
  <PresentationFormat>Widescreen</PresentationFormat>
  <Paragraphs>482</Paragraphs>
  <Slides>10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8</vt:i4>
      </vt:variant>
      <vt:variant>
        <vt:lpstr>Slide Titles</vt:lpstr>
      </vt:variant>
      <vt:variant>
        <vt:i4>10</vt:i4>
      </vt:variant>
    </vt:vector>
  </HeadingPairs>
  <TitlesOfParts>
    <vt:vector size="24" baseType="lpstr">
      <vt:lpstr>Aptos</vt:lpstr>
      <vt:lpstr>Arial</vt:lpstr>
      <vt:lpstr>Calibri</vt:lpstr>
      <vt:lpstr>Calibri Light</vt:lpstr>
      <vt:lpstr>Helvetica</vt:lpstr>
      <vt:lpstr>Open Sans</vt:lpstr>
      <vt:lpstr>Template PresentationGO</vt:lpstr>
      <vt:lpstr>Template PresentationGO Dark</vt:lpstr>
      <vt:lpstr>1_Template PresentationGo</vt:lpstr>
      <vt:lpstr>1_Template PresentationGo Dark</vt:lpstr>
      <vt:lpstr>2_Template PresentationGo</vt:lpstr>
      <vt:lpstr>2_Template PresentationGo Dark</vt:lpstr>
      <vt:lpstr>3_Template PresentationGO</vt:lpstr>
      <vt:lpstr>3_Template PresentationGO Dark</vt:lpstr>
      <vt:lpstr>Minimalist Gantt Chart – Slide Template</vt:lpstr>
      <vt:lpstr>Gantt Chart – Slide Template</vt:lpstr>
      <vt:lpstr>Project Timeline for PowerPoint</vt:lpstr>
      <vt:lpstr>Project Roadmap – Slide Template</vt:lpstr>
      <vt:lpstr>Full-Width Yearly Gantt Chart – Slide Template</vt:lpstr>
      <vt:lpstr>Minimalist Gantt Chart – Slide Template</vt:lpstr>
      <vt:lpstr>Gantt Chart – Slide Template</vt:lpstr>
      <vt:lpstr>Project Timeline for PowerPoint</vt:lpstr>
      <vt:lpstr>Project Roadmap – Slide Template</vt:lpstr>
      <vt:lpstr>Full-Width Yearly Gantt Chart – Slide Template</vt:lpstr>
    </vt:vector>
  </TitlesOfParts>
  <Company>Meijer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Rangel, Rodrigo</dc:creator>
  <cp:lastModifiedBy>Rangel, Rodrigo</cp:lastModifiedBy>
  <cp:revision>1</cp:revision>
  <dcterms:created xsi:type="dcterms:W3CDTF">2024-11-15T20:36:51Z</dcterms:created>
  <dcterms:modified xsi:type="dcterms:W3CDTF">2024-11-15T20:42:41Z</dcterms:modified>
</cp:coreProperties>
</file>